
<file path=[Content_Types].xml><?xml version="1.0" encoding="utf-8"?>
<Types xmlns="http://schemas.openxmlformats.org/package/2006/content-types">
  <Default Extension="png" ContentType="image/pn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tags/tag17.xml" ContentType="application/vnd.openxmlformats-officedocument.presentationml.tags+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8.xml" ContentType="application/vnd.openxmlformats-officedocument.presentationml.tags+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5"/>
  </p:sldMasterIdLst>
  <p:sldIdLst>
    <p:sldId id="257" r:id="rId6"/>
    <p:sldId id="268" r:id="rId7"/>
    <p:sldId id="269" r:id="rId8"/>
    <p:sldId id="261" r:id="rId9"/>
    <p:sldId id="258" r:id="rId10"/>
    <p:sldId id="270" r:id="rId11"/>
    <p:sldId id="271" r:id="rId12"/>
    <p:sldId id="262" r:id="rId13"/>
    <p:sldId id="259" r:id="rId14"/>
    <p:sldId id="272" r:id="rId15"/>
    <p:sldId id="273" r:id="rId16"/>
    <p:sldId id="267" r:id="rId17"/>
  </p:sldIdLst>
  <p:sldSz cx="14630400" cy="8229600"/>
  <p:notesSz cx="6858000" cy="9144000"/>
  <p:custDataLst>
    <p:tags r:id="rId18"/>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202" userDrawn="1">
          <p15:clr>
            <a:srgbClr val="A4A3A4"/>
          </p15:clr>
        </p15:guide>
        <p15:guide id="2" orient="horz" pos="1405" userDrawn="1">
          <p15:clr>
            <a:srgbClr val="A4A3A4"/>
          </p15:clr>
        </p15:guide>
        <p15:guide id="3" orient="horz" pos="2716" userDrawn="1">
          <p15:clr>
            <a:srgbClr val="A4A3A4"/>
          </p15:clr>
        </p15:guide>
        <p15:guide id="4" orient="horz" pos="3082" userDrawn="1">
          <p15:clr>
            <a:srgbClr val="A4A3A4"/>
          </p15:clr>
        </p15:guide>
        <p15:guide id="5" orient="horz" pos="4393" userDrawn="1">
          <p15:clr>
            <a:srgbClr val="A4A3A4"/>
          </p15:clr>
        </p15:guide>
        <p15:guide id="6" orient="horz" pos="4543" userDrawn="1">
          <p15:clr>
            <a:srgbClr val="A4A3A4"/>
          </p15:clr>
        </p15:guide>
        <p15:guide id="7" pos="438" userDrawn="1">
          <p15:clr>
            <a:srgbClr val="A4A3A4"/>
          </p15:clr>
        </p15:guide>
        <p15:guide id="8" pos="4360" userDrawn="1">
          <p15:clr>
            <a:srgbClr val="A4A3A4"/>
          </p15:clr>
        </p15:guide>
        <p15:guide id="9" pos="4858" userDrawn="1">
          <p15:clr>
            <a:srgbClr val="A4A3A4"/>
          </p15:clr>
        </p15:guide>
        <p15:guide id="10" pos="878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3" autoAdjust="0"/>
    <p:restoredTop sz="94660"/>
  </p:normalViewPr>
  <p:slideViewPr>
    <p:cSldViewPr snapToGrid="0" snapToObjects="1">
      <p:cViewPr varScale="1">
        <p:scale>
          <a:sx n="60" d="100"/>
          <a:sy n="60" d="100"/>
        </p:scale>
        <p:origin x="864" y="66"/>
      </p:cViewPr>
      <p:guideLst>
        <p:guide orient="horz" pos="1202"/>
        <p:guide orient="horz" pos="1405"/>
        <p:guide orient="horz" pos="2716"/>
        <p:guide orient="horz" pos="3082"/>
        <p:guide orient="horz" pos="4393"/>
        <p:guide orient="horz" pos="4543"/>
        <p:guide pos="438"/>
        <p:guide pos="4360"/>
        <p:guide pos="4858"/>
        <p:guide pos="878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tags" Target="tags/tag1.xml"/><Relationship Id="rId3" Type="http://schemas.openxmlformats.org/officeDocument/2006/relationships/customXml" Target="../customXml/item3.xml"/><Relationship Id="rId21" Type="http://schemas.openxmlformats.org/officeDocument/2006/relationships/theme" Target="theme/theme1.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1.xml"/><Relationship Id="rId15" Type="http://schemas.openxmlformats.org/officeDocument/2006/relationships/slide" Target="slides/slide10.xml"/><Relationship Id="rId10" Type="http://schemas.openxmlformats.org/officeDocument/2006/relationships/slide" Target="slides/slide5.xml"/><Relationship Id="rId19" Type="http://schemas.openxmlformats.org/officeDocument/2006/relationships/presProps" Target="presProps.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tableStyles" Target="tableStyles.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C6B6A32A-8824-416E-B8CF-A2671C2E980A}" type="doc">
      <dgm:prSet loTypeId="urn:microsoft.com/office/officeart/2005/8/layout/default" loCatId="list" qsTypeId="urn:microsoft.com/office/officeart/2005/8/quickstyle/simple1" qsCatId="simple" csTypeId="urn:microsoft.com/office/officeart/2005/8/colors/accent1_2" csCatId="accent1" phldr="1"/>
      <dgm:spPr/>
      <dgm:t>
        <a:bodyPr/>
        <a:lstStyle/>
        <a:p>
          <a:endParaRPr lang="en-US"/>
        </a:p>
      </dgm:t>
    </dgm:pt>
    <dgm:pt modelId="{1D146668-5602-443A-B07C-1B9013C90B0F}">
      <dgm:prSet phldrT="[Text]" custT="1"/>
      <dgm:spPr/>
      <dgm:t>
        <a:bodyPr/>
        <a:lstStyle/>
        <a:p>
          <a:r>
            <a:rPr lang="en-US" sz="4000" dirty="0">
              <a:latin typeface="AmplitudeTF" panose="02000506050000020004" pitchFamily="50" charset="0"/>
            </a:rPr>
            <a:t>General</a:t>
          </a:r>
        </a:p>
      </dgm:t>
    </dgm:pt>
    <dgm:pt modelId="{DAB2A03A-FDB2-4FC2-ABFA-18CE071F283D}" type="parTrans" cxnId="{46AC8D27-027E-40C5-996F-E76BF75C08C9}">
      <dgm:prSet/>
      <dgm:spPr/>
      <dgm:t>
        <a:bodyPr/>
        <a:lstStyle/>
        <a:p>
          <a:endParaRPr lang="en-US"/>
        </a:p>
      </dgm:t>
    </dgm:pt>
    <dgm:pt modelId="{7885E344-D61A-41D0-872B-5B83723F27AD}" type="sibTrans" cxnId="{46AC8D27-027E-40C5-996F-E76BF75C08C9}">
      <dgm:prSet/>
      <dgm:spPr/>
      <dgm:t>
        <a:bodyPr/>
        <a:lstStyle/>
        <a:p>
          <a:endParaRPr lang="en-US"/>
        </a:p>
      </dgm:t>
    </dgm:pt>
    <dgm:pt modelId="{E1FD3626-41BC-433D-99D5-A4B3A1BD1B77}" type="pres">
      <dgm:prSet presAssocID="{C6B6A32A-8824-416E-B8CF-A2671C2E980A}" presName="diagram" presStyleCnt="0">
        <dgm:presLayoutVars>
          <dgm:dir/>
          <dgm:resizeHandles val="exact"/>
        </dgm:presLayoutVars>
      </dgm:prSet>
      <dgm:spPr/>
    </dgm:pt>
    <dgm:pt modelId="{9F720A6A-48B1-4985-8EE4-48BB624A53B6}" type="pres">
      <dgm:prSet presAssocID="{1D146668-5602-443A-B07C-1B9013C90B0F}" presName="node" presStyleLbl="node1" presStyleIdx="0" presStyleCnt="1" custLinFactNeighborX="22274" custLinFactNeighborY="90915">
        <dgm:presLayoutVars>
          <dgm:bulletEnabled val="1"/>
        </dgm:presLayoutVars>
      </dgm:prSet>
      <dgm:spPr/>
    </dgm:pt>
  </dgm:ptLst>
  <dgm:cxnLst>
    <dgm:cxn modelId="{46AC8D27-027E-40C5-996F-E76BF75C08C9}" srcId="{C6B6A32A-8824-416E-B8CF-A2671C2E980A}" destId="{1D146668-5602-443A-B07C-1B9013C90B0F}" srcOrd="0" destOrd="0" parTransId="{DAB2A03A-FDB2-4FC2-ABFA-18CE071F283D}" sibTransId="{7885E344-D61A-41D0-872B-5B83723F27AD}"/>
    <dgm:cxn modelId="{A2714F4A-47AF-41B9-B2A0-F2A5E28C1210}" type="presOf" srcId="{1D146668-5602-443A-B07C-1B9013C90B0F}" destId="{9F720A6A-48B1-4985-8EE4-48BB624A53B6}" srcOrd="0" destOrd="0" presId="urn:microsoft.com/office/officeart/2005/8/layout/default"/>
    <dgm:cxn modelId="{684F34B0-5286-4A73-8E64-35E1F698396B}" type="presOf" srcId="{C6B6A32A-8824-416E-B8CF-A2671C2E980A}" destId="{E1FD3626-41BC-433D-99D5-A4B3A1BD1B77}" srcOrd="0" destOrd="0" presId="urn:microsoft.com/office/officeart/2005/8/layout/default"/>
    <dgm:cxn modelId="{30B2527F-2633-4F37-9E2F-98CB1E41D7CC}" type="presParOf" srcId="{E1FD3626-41BC-433D-99D5-A4B3A1BD1B77}" destId="{9F720A6A-48B1-4985-8EE4-48BB624A53B6}" srcOrd="0" destOrd="0" presId="urn:microsoft.com/office/officeart/2005/8/layout/defaul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3668AD9E-97C3-47D5-8BBD-A246C96EFC85}" type="doc">
      <dgm:prSet loTypeId="urn:microsoft.com/office/officeart/2005/8/layout/default" loCatId="list" qsTypeId="urn:microsoft.com/office/officeart/2005/8/quickstyle/simple1" qsCatId="simple" csTypeId="urn:microsoft.com/office/officeart/2005/8/colors/accent1_2" csCatId="accent1" phldr="1"/>
      <dgm:spPr/>
      <dgm:t>
        <a:bodyPr/>
        <a:lstStyle/>
        <a:p>
          <a:endParaRPr lang="en-US"/>
        </a:p>
      </dgm:t>
    </dgm:pt>
    <dgm:pt modelId="{6CCFF5F1-2949-4A28-82D9-9CAE2E8ED88B}">
      <dgm:prSet phldrT="[Text]" custT="1"/>
      <dgm:spPr/>
      <dgm:t>
        <a:bodyPr/>
        <a:lstStyle/>
        <a:p>
          <a:r>
            <a:rPr lang="en-US" sz="3200" dirty="0">
              <a:latin typeface="AmplitudeTF" panose="02000506050000020004" pitchFamily="50" charset="0"/>
            </a:rPr>
            <a:t>Who is your audience/user?</a:t>
          </a:r>
        </a:p>
      </dgm:t>
    </dgm:pt>
    <dgm:pt modelId="{E3A286D6-02B1-41AB-983C-5BB1A1ECEE95}" type="parTrans" cxnId="{43BA624D-DCAE-4DA3-82FE-CBA238B9B689}">
      <dgm:prSet/>
      <dgm:spPr/>
      <dgm:t>
        <a:bodyPr/>
        <a:lstStyle/>
        <a:p>
          <a:endParaRPr lang="en-US"/>
        </a:p>
      </dgm:t>
    </dgm:pt>
    <dgm:pt modelId="{2138BB1C-F5E4-4EF6-AF8B-624114D4607E}" type="sibTrans" cxnId="{43BA624D-DCAE-4DA3-82FE-CBA238B9B689}">
      <dgm:prSet/>
      <dgm:spPr/>
      <dgm:t>
        <a:bodyPr/>
        <a:lstStyle/>
        <a:p>
          <a:endParaRPr lang="en-US"/>
        </a:p>
      </dgm:t>
    </dgm:pt>
    <dgm:pt modelId="{E8952B68-C29A-4BF4-A626-3E2C7A0935F9}">
      <dgm:prSet phldrT="[Text]" custT="1"/>
      <dgm:spPr/>
      <dgm:t>
        <a:bodyPr/>
        <a:lstStyle/>
        <a:p>
          <a:r>
            <a:rPr lang="en-US" sz="3200" dirty="0">
              <a:latin typeface="AmplitudeTF" panose="02000506050000020004" pitchFamily="50" charset="0"/>
            </a:rPr>
            <a:t>Who are your players and stakeholders?</a:t>
          </a:r>
        </a:p>
      </dgm:t>
    </dgm:pt>
    <dgm:pt modelId="{3EAB5081-1267-43D1-BCC5-BA3900E50504}" type="parTrans" cxnId="{7B90BB59-49CB-4A98-9F2B-48F68B2EDDA8}">
      <dgm:prSet/>
      <dgm:spPr/>
      <dgm:t>
        <a:bodyPr/>
        <a:lstStyle/>
        <a:p>
          <a:endParaRPr lang="en-US"/>
        </a:p>
      </dgm:t>
    </dgm:pt>
    <dgm:pt modelId="{B7B1142E-F5D8-403C-A05E-0357B3C9AFF8}" type="sibTrans" cxnId="{7B90BB59-49CB-4A98-9F2B-48F68B2EDDA8}">
      <dgm:prSet/>
      <dgm:spPr/>
      <dgm:t>
        <a:bodyPr/>
        <a:lstStyle/>
        <a:p>
          <a:endParaRPr lang="en-US"/>
        </a:p>
      </dgm:t>
    </dgm:pt>
    <dgm:pt modelId="{F06F5DF1-9EB6-4943-89C9-0FB34B2A297F}">
      <dgm:prSet phldrT="[Text]" custT="1"/>
      <dgm:spPr/>
      <dgm:t>
        <a:bodyPr/>
        <a:lstStyle/>
        <a:p>
          <a:r>
            <a:rPr lang="en-US" sz="3200" dirty="0">
              <a:latin typeface="AmplitudeTF" panose="02000506050000020004" pitchFamily="50" charset="0"/>
            </a:rPr>
            <a:t>What is your budget?</a:t>
          </a:r>
        </a:p>
      </dgm:t>
    </dgm:pt>
    <dgm:pt modelId="{B05C750E-06C3-4F7E-9FA7-7B1A68AD3ED0}" type="parTrans" cxnId="{16B94A32-1FE0-4D3B-A180-013DDF8374B0}">
      <dgm:prSet/>
      <dgm:spPr/>
      <dgm:t>
        <a:bodyPr/>
        <a:lstStyle/>
        <a:p>
          <a:endParaRPr lang="en-US"/>
        </a:p>
      </dgm:t>
    </dgm:pt>
    <dgm:pt modelId="{874BE5A7-B737-469F-9ED4-D9F8392244AC}" type="sibTrans" cxnId="{16B94A32-1FE0-4D3B-A180-013DDF8374B0}">
      <dgm:prSet/>
      <dgm:spPr/>
      <dgm:t>
        <a:bodyPr/>
        <a:lstStyle/>
        <a:p>
          <a:endParaRPr lang="en-US"/>
        </a:p>
      </dgm:t>
    </dgm:pt>
    <dgm:pt modelId="{8BF9ACEA-2FF4-4528-8592-7CE2D4E391B4}">
      <dgm:prSet phldrT="[Text]" custT="1"/>
      <dgm:spPr/>
      <dgm:t>
        <a:bodyPr/>
        <a:lstStyle/>
        <a:p>
          <a:r>
            <a:rPr lang="en-US" sz="3200" dirty="0">
              <a:latin typeface="AmplitudeTF" panose="02000506050000020004" pitchFamily="50" charset="0"/>
            </a:rPr>
            <a:t>What do you want your audience to do?</a:t>
          </a:r>
        </a:p>
      </dgm:t>
    </dgm:pt>
    <dgm:pt modelId="{D107231C-3352-4588-AEC4-E2FFBA28779D}" type="parTrans" cxnId="{6A2411C1-94E5-4637-B642-6FDD981DF6D6}">
      <dgm:prSet/>
      <dgm:spPr/>
      <dgm:t>
        <a:bodyPr/>
        <a:lstStyle/>
        <a:p>
          <a:endParaRPr lang="en-US"/>
        </a:p>
      </dgm:t>
    </dgm:pt>
    <dgm:pt modelId="{F4F8E53A-51CA-4FC8-8187-DB6C1EB1FFFA}" type="sibTrans" cxnId="{6A2411C1-94E5-4637-B642-6FDD981DF6D6}">
      <dgm:prSet/>
      <dgm:spPr/>
      <dgm:t>
        <a:bodyPr/>
        <a:lstStyle/>
        <a:p>
          <a:endParaRPr lang="en-US"/>
        </a:p>
      </dgm:t>
    </dgm:pt>
    <dgm:pt modelId="{2E186A23-3360-477B-90EC-F0D7C2BE04FB}">
      <dgm:prSet phldrT="[Text]" custT="1"/>
      <dgm:spPr/>
      <dgm:t>
        <a:bodyPr/>
        <a:lstStyle/>
        <a:p>
          <a:r>
            <a:rPr lang="en-US" sz="3200" dirty="0">
              <a:latin typeface="AmplitudeTF" panose="02000506050000020004" pitchFamily="50" charset="0"/>
            </a:rPr>
            <a:t>Why is this important?</a:t>
          </a:r>
        </a:p>
      </dgm:t>
    </dgm:pt>
    <dgm:pt modelId="{EA621435-8F43-4FFA-BAC6-A7B20F8E4BB9}" type="parTrans" cxnId="{DD29A7E0-4DFC-4677-9F7F-30A2C6B046B6}">
      <dgm:prSet/>
      <dgm:spPr/>
      <dgm:t>
        <a:bodyPr/>
        <a:lstStyle/>
        <a:p>
          <a:endParaRPr lang="en-US"/>
        </a:p>
      </dgm:t>
    </dgm:pt>
    <dgm:pt modelId="{286EC7CA-7D5E-4034-91AC-D7B5579F41A8}" type="sibTrans" cxnId="{DD29A7E0-4DFC-4677-9F7F-30A2C6B046B6}">
      <dgm:prSet/>
      <dgm:spPr/>
      <dgm:t>
        <a:bodyPr/>
        <a:lstStyle/>
        <a:p>
          <a:endParaRPr lang="en-US"/>
        </a:p>
      </dgm:t>
    </dgm:pt>
    <dgm:pt modelId="{7310EAB0-3B1A-4234-BA43-EAD534793C3D}" type="pres">
      <dgm:prSet presAssocID="{3668AD9E-97C3-47D5-8BBD-A246C96EFC85}" presName="diagram" presStyleCnt="0">
        <dgm:presLayoutVars>
          <dgm:dir/>
          <dgm:resizeHandles val="exact"/>
        </dgm:presLayoutVars>
      </dgm:prSet>
      <dgm:spPr/>
    </dgm:pt>
    <dgm:pt modelId="{8467EAEF-B916-458B-AF1C-155A218B978A}" type="pres">
      <dgm:prSet presAssocID="{6CCFF5F1-2949-4A28-82D9-9CAE2E8ED88B}" presName="node" presStyleLbl="node1" presStyleIdx="0" presStyleCnt="5">
        <dgm:presLayoutVars>
          <dgm:bulletEnabled val="1"/>
        </dgm:presLayoutVars>
      </dgm:prSet>
      <dgm:spPr/>
    </dgm:pt>
    <dgm:pt modelId="{95110CF5-5134-4BC4-B88D-17A34FE2C86E}" type="pres">
      <dgm:prSet presAssocID="{2138BB1C-F5E4-4EF6-AF8B-624114D4607E}" presName="sibTrans" presStyleCnt="0"/>
      <dgm:spPr/>
    </dgm:pt>
    <dgm:pt modelId="{524657D2-650E-4778-A8D7-AE393AE0B695}" type="pres">
      <dgm:prSet presAssocID="{E8952B68-C29A-4BF4-A626-3E2C7A0935F9}" presName="node" presStyleLbl="node1" presStyleIdx="1" presStyleCnt="5">
        <dgm:presLayoutVars>
          <dgm:bulletEnabled val="1"/>
        </dgm:presLayoutVars>
      </dgm:prSet>
      <dgm:spPr/>
    </dgm:pt>
    <dgm:pt modelId="{B983CE5B-6710-4EE1-B99F-76482BCF3D06}" type="pres">
      <dgm:prSet presAssocID="{B7B1142E-F5D8-403C-A05E-0357B3C9AFF8}" presName="sibTrans" presStyleCnt="0"/>
      <dgm:spPr/>
    </dgm:pt>
    <dgm:pt modelId="{4E298DD4-2157-49DF-992A-C11404C86607}" type="pres">
      <dgm:prSet presAssocID="{F06F5DF1-9EB6-4943-89C9-0FB34B2A297F}" presName="node" presStyleLbl="node1" presStyleIdx="2" presStyleCnt="5">
        <dgm:presLayoutVars>
          <dgm:bulletEnabled val="1"/>
        </dgm:presLayoutVars>
      </dgm:prSet>
      <dgm:spPr/>
    </dgm:pt>
    <dgm:pt modelId="{3F54EF4B-9280-4E87-AEA0-9E36961570DE}" type="pres">
      <dgm:prSet presAssocID="{874BE5A7-B737-469F-9ED4-D9F8392244AC}" presName="sibTrans" presStyleCnt="0"/>
      <dgm:spPr/>
    </dgm:pt>
    <dgm:pt modelId="{A82EA78D-A874-454D-8EB5-4AA0FDC29869}" type="pres">
      <dgm:prSet presAssocID="{8BF9ACEA-2FF4-4528-8592-7CE2D4E391B4}" presName="node" presStyleLbl="node1" presStyleIdx="3" presStyleCnt="5">
        <dgm:presLayoutVars>
          <dgm:bulletEnabled val="1"/>
        </dgm:presLayoutVars>
      </dgm:prSet>
      <dgm:spPr/>
    </dgm:pt>
    <dgm:pt modelId="{182243F6-BB84-4067-947F-1C2811FAC806}" type="pres">
      <dgm:prSet presAssocID="{F4F8E53A-51CA-4FC8-8187-DB6C1EB1FFFA}" presName="sibTrans" presStyleCnt="0"/>
      <dgm:spPr/>
    </dgm:pt>
    <dgm:pt modelId="{60304344-AEE0-4E37-A1CC-456A22E0F3DC}" type="pres">
      <dgm:prSet presAssocID="{2E186A23-3360-477B-90EC-F0D7C2BE04FB}" presName="node" presStyleLbl="node1" presStyleIdx="4" presStyleCnt="5">
        <dgm:presLayoutVars>
          <dgm:bulletEnabled val="1"/>
        </dgm:presLayoutVars>
      </dgm:prSet>
      <dgm:spPr/>
    </dgm:pt>
  </dgm:ptLst>
  <dgm:cxnLst>
    <dgm:cxn modelId="{ED04FD08-FA57-4CE6-A472-901964B54AD5}" type="presOf" srcId="{6CCFF5F1-2949-4A28-82D9-9CAE2E8ED88B}" destId="{8467EAEF-B916-458B-AF1C-155A218B978A}" srcOrd="0" destOrd="0" presId="urn:microsoft.com/office/officeart/2005/8/layout/default"/>
    <dgm:cxn modelId="{D7149A0A-9EFB-41E9-9D7F-7F1EA2A975B9}" type="presOf" srcId="{E8952B68-C29A-4BF4-A626-3E2C7A0935F9}" destId="{524657D2-650E-4778-A8D7-AE393AE0B695}" srcOrd="0" destOrd="0" presId="urn:microsoft.com/office/officeart/2005/8/layout/default"/>
    <dgm:cxn modelId="{16B94A32-1FE0-4D3B-A180-013DDF8374B0}" srcId="{3668AD9E-97C3-47D5-8BBD-A246C96EFC85}" destId="{F06F5DF1-9EB6-4943-89C9-0FB34B2A297F}" srcOrd="2" destOrd="0" parTransId="{B05C750E-06C3-4F7E-9FA7-7B1A68AD3ED0}" sibTransId="{874BE5A7-B737-469F-9ED4-D9F8392244AC}"/>
    <dgm:cxn modelId="{43BA624D-DCAE-4DA3-82FE-CBA238B9B689}" srcId="{3668AD9E-97C3-47D5-8BBD-A246C96EFC85}" destId="{6CCFF5F1-2949-4A28-82D9-9CAE2E8ED88B}" srcOrd="0" destOrd="0" parTransId="{E3A286D6-02B1-41AB-983C-5BB1A1ECEE95}" sibTransId="{2138BB1C-F5E4-4EF6-AF8B-624114D4607E}"/>
    <dgm:cxn modelId="{7B90BB59-49CB-4A98-9F2B-48F68B2EDDA8}" srcId="{3668AD9E-97C3-47D5-8BBD-A246C96EFC85}" destId="{E8952B68-C29A-4BF4-A626-3E2C7A0935F9}" srcOrd="1" destOrd="0" parTransId="{3EAB5081-1267-43D1-BCC5-BA3900E50504}" sibTransId="{B7B1142E-F5D8-403C-A05E-0357B3C9AFF8}"/>
    <dgm:cxn modelId="{80577C86-5DA8-4946-BEBA-964B070FB3A2}" type="presOf" srcId="{8BF9ACEA-2FF4-4528-8592-7CE2D4E391B4}" destId="{A82EA78D-A874-454D-8EB5-4AA0FDC29869}" srcOrd="0" destOrd="0" presId="urn:microsoft.com/office/officeart/2005/8/layout/default"/>
    <dgm:cxn modelId="{9A2C7FB1-D596-4ABF-97AF-ADCE5B618F21}" type="presOf" srcId="{3668AD9E-97C3-47D5-8BBD-A246C96EFC85}" destId="{7310EAB0-3B1A-4234-BA43-EAD534793C3D}" srcOrd="0" destOrd="0" presId="urn:microsoft.com/office/officeart/2005/8/layout/default"/>
    <dgm:cxn modelId="{6A2411C1-94E5-4637-B642-6FDD981DF6D6}" srcId="{3668AD9E-97C3-47D5-8BBD-A246C96EFC85}" destId="{8BF9ACEA-2FF4-4528-8592-7CE2D4E391B4}" srcOrd="3" destOrd="0" parTransId="{D107231C-3352-4588-AEC4-E2FFBA28779D}" sibTransId="{F4F8E53A-51CA-4FC8-8187-DB6C1EB1FFFA}"/>
    <dgm:cxn modelId="{B08BF2C7-EA8B-46A3-8FBF-A9B4F0619A5E}" type="presOf" srcId="{F06F5DF1-9EB6-4943-89C9-0FB34B2A297F}" destId="{4E298DD4-2157-49DF-992A-C11404C86607}" srcOrd="0" destOrd="0" presId="urn:microsoft.com/office/officeart/2005/8/layout/default"/>
    <dgm:cxn modelId="{CE02B8D4-FBB1-403A-97D6-06A2CA89183D}" type="presOf" srcId="{2E186A23-3360-477B-90EC-F0D7C2BE04FB}" destId="{60304344-AEE0-4E37-A1CC-456A22E0F3DC}" srcOrd="0" destOrd="0" presId="urn:microsoft.com/office/officeart/2005/8/layout/default"/>
    <dgm:cxn modelId="{DD29A7E0-4DFC-4677-9F7F-30A2C6B046B6}" srcId="{3668AD9E-97C3-47D5-8BBD-A246C96EFC85}" destId="{2E186A23-3360-477B-90EC-F0D7C2BE04FB}" srcOrd="4" destOrd="0" parTransId="{EA621435-8F43-4FFA-BAC6-A7B20F8E4BB9}" sibTransId="{286EC7CA-7D5E-4034-91AC-D7B5579F41A8}"/>
    <dgm:cxn modelId="{1F074289-79B3-439F-9838-51BB00691079}" type="presParOf" srcId="{7310EAB0-3B1A-4234-BA43-EAD534793C3D}" destId="{8467EAEF-B916-458B-AF1C-155A218B978A}" srcOrd="0" destOrd="0" presId="urn:microsoft.com/office/officeart/2005/8/layout/default"/>
    <dgm:cxn modelId="{8DC0CBA5-8C1F-4DF2-8EF6-F6A995A7B75C}" type="presParOf" srcId="{7310EAB0-3B1A-4234-BA43-EAD534793C3D}" destId="{95110CF5-5134-4BC4-B88D-17A34FE2C86E}" srcOrd="1" destOrd="0" presId="urn:microsoft.com/office/officeart/2005/8/layout/default"/>
    <dgm:cxn modelId="{DCAC784C-8C9B-4335-AA1A-8D13538B02F8}" type="presParOf" srcId="{7310EAB0-3B1A-4234-BA43-EAD534793C3D}" destId="{524657D2-650E-4778-A8D7-AE393AE0B695}" srcOrd="2" destOrd="0" presId="urn:microsoft.com/office/officeart/2005/8/layout/default"/>
    <dgm:cxn modelId="{09D3565E-D5CC-49CD-8956-68C294B5B6A7}" type="presParOf" srcId="{7310EAB0-3B1A-4234-BA43-EAD534793C3D}" destId="{B983CE5B-6710-4EE1-B99F-76482BCF3D06}" srcOrd="3" destOrd="0" presId="urn:microsoft.com/office/officeart/2005/8/layout/default"/>
    <dgm:cxn modelId="{AE332062-B514-43D6-8064-F80957872883}" type="presParOf" srcId="{7310EAB0-3B1A-4234-BA43-EAD534793C3D}" destId="{4E298DD4-2157-49DF-992A-C11404C86607}" srcOrd="4" destOrd="0" presId="urn:microsoft.com/office/officeart/2005/8/layout/default"/>
    <dgm:cxn modelId="{21B8C1B8-27D7-4079-8987-8C09DA2D3130}" type="presParOf" srcId="{7310EAB0-3B1A-4234-BA43-EAD534793C3D}" destId="{3F54EF4B-9280-4E87-AEA0-9E36961570DE}" srcOrd="5" destOrd="0" presId="urn:microsoft.com/office/officeart/2005/8/layout/default"/>
    <dgm:cxn modelId="{7BE34DA9-EE41-40D8-885C-23C3F24DE567}" type="presParOf" srcId="{7310EAB0-3B1A-4234-BA43-EAD534793C3D}" destId="{A82EA78D-A874-454D-8EB5-4AA0FDC29869}" srcOrd="6" destOrd="0" presId="urn:microsoft.com/office/officeart/2005/8/layout/default"/>
    <dgm:cxn modelId="{9F7DF0C8-60A9-4CBD-A11D-3A762C6963BA}" type="presParOf" srcId="{7310EAB0-3B1A-4234-BA43-EAD534793C3D}" destId="{182243F6-BB84-4067-947F-1C2811FAC806}" srcOrd="7" destOrd="0" presId="urn:microsoft.com/office/officeart/2005/8/layout/default"/>
    <dgm:cxn modelId="{63951E4E-EEF7-4EAB-BF0D-EEBEEE081A43}" type="presParOf" srcId="{7310EAB0-3B1A-4234-BA43-EAD534793C3D}" destId="{60304344-AEE0-4E37-A1CC-456A22E0F3DC}" srcOrd="8" destOrd="0" presId="urn:microsoft.com/office/officeart/2005/8/layout/defaul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766F537B-9F91-47C6-B3ED-5CEDE09CEA0D}" type="doc">
      <dgm:prSet loTypeId="urn:microsoft.com/office/officeart/2008/layout/LinedList" loCatId="list" qsTypeId="urn:microsoft.com/office/officeart/2005/8/quickstyle/simple1" qsCatId="simple" csTypeId="urn:microsoft.com/office/officeart/2005/8/colors/accent1_2" csCatId="accent1" phldr="1"/>
      <dgm:spPr/>
      <dgm:t>
        <a:bodyPr/>
        <a:lstStyle/>
        <a:p>
          <a:endParaRPr lang="en-US"/>
        </a:p>
      </dgm:t>
    </dgm:pt>
    <dgm:pt modelId="{09C30275-5D5F-409E-BC66-43AA49E62463}">
      <dgm:prSet phldrT="[Text]" custT="1"/>
      <dgm:spPr/>
      <dgm:t>
        <a:bodyPr anchor="ctr"/>
        <a:lstStyle/>
        <a:p>
          <a:pPr algn="ctr"/>
          <a:r>
            <a:rPr lang="en-US" sz="2400" dirty="0">
              <a:latin typeface="AmplitudeTF" panose="02000506050000020004" pitchFamily="50" charset="0"/>
            </a:rPr>
            <a:t>Features &amp; Functionality</a:t>
          </a:r>
        </a:p>
      </dgm:t>
    </dgm:pt>
    <dgm:pt modelId="{9CFE8DCF-0A1F-4ABB-86CB-3B302E474DDB}" type="parTrans" cxnId="{C5B0D35B-6FC7-420A-B796-05EF3CD596C9}">
      <dgm:prSet/>
      <dgm:spPr/>
      <dgm:t>
        <a:bodyPr/>
        <a:lstStyle/>
        <a:p>
          <a:endParaRPr lang="en-US" sz="3600">
            <a:solidFill>
              <a:schemeClr val="tx2"/>
            </a:solidFill>
            <a:latin typeface="AmplitudeTF" panose="02000506050000020004" pitchFamily="50" charset="0"/>
          </a:endParaRPr>
        </a:p>
      </dgm:t>
    </dgm:pt>
    <dgm:pt modelId="{E56D6F57-598F-4D58-B459-4BFB0AAEBCE0}" type="sibTrans" cxnId="{C5B0D35B-6FC7-420A-B796-05EF3CD596C9}">
      <dgm:prSet/>
      <dgm:spPr/>
      <dgm:t>
        <a:bodyPr/>
        <a:lstStyle/>
        <a:p>
          <a:endParaRPr lang="en-US" sz="3600">
            <a:solidFill>
              <a:schemeClr val="tx2"/>
            </a:solidFill>
            <a:latin typeface="AmplitudeTF" panose="02000506050000020004" pitchFamily="50" charset="0"/>
          </a:endParaRPr>
        </a:p>
      </dgm:t>
    </dgm:pt>
    <dgm:pt modelId="{826C2FBF-9D8D-4054-A972-1C7C7CC65698}">
      <dgm:prSet phldrT="[Text]" custT="1"/>
      <dgm:spPr/>
      <dgm:t>
        <a:bodyPr anchor="ctr"/>
        <a:lstStyle/>
        <a:p>
          <a:pPr>
            <a:buFont typeface="Wingdings" panose="05000000000000000000" pitchFamily="2" charset="2"/>
            <a:buChar char="§"/>
          </a:pPr>
          <a:r>
            <a:rPr lang="en-US" sz="1600" dirty="0">
              <a:latin typeface="AmplitudeTF" panose="02000506050000020004" pitchFamily="50" charset="0"/>
            </a:rPr>
            <a:t>Define your Must-haves vs. Nice-to-haves</a:t>
          </a:r>
        </a:p>
      </dgm:t>
    </dgm:pt>
    <dgm:pt modelId="{19087EB6-B11F-4266-AAB3-1B1997E931AC}" type="parTrans" cxnId="{4D77334D-59CD-42FB-8559-F04DD508E101}">
      <dgm:prSet/>
      <dgm:spPr/>
      <dgm:t>
        <a:bodyPr/>
        <a:lstStyle/>
        <a:p>
          <a:endParaRPr lang="en-US" sz="3600">
            <a:solidFill>
              <a:schemeClr val="tx2"/>
            </a:solidFill>
            <a:latin typeface="AmplitudeTF" panose="02000506050000020004" pitchFamily="50" charset="0"/>
          </a:endParaRPr>
        </a:p>
      </dgm:t>
    </dgm:pt>
    <dgm:pt modelId="{4C552126-8FF1-43CF-BC8B-B723E6393EE2}" type="sibTrans" cxnId="{4D77334D-59CD-42FB-8559-F04DD508E101}">
      <dgm:prSet/>
      <dgm:spPr/>
      <dgm:t>
        <a:bodyPr/>
        <a:lstStyle/>
        <a:p>
          <a:endParaRPr lang="en-US" sz="3600">
            <a:solidFill>
              <a:schemeClr val="tx2"/>
            </a:solidFill>
            <a:latin typeface="AmplitudeTF" panose="02000506050000020004" pitchFamily="50" charset="0"/>
          </a:endParaRPr>
        </a:p>
      </dgm:t>
    </dgm:pt>
    <dgm:pt modelId="{2BE4AE0E-9016-4BF4-9E3A-73F6404DCDF6}">
      <dgm:prSet phldrT="[Text]" custT="1"/>
      <dgm:spPr/>
      <dgm:t>
        <a:bodyPr anchor="ctr"/>
        <a:lstStyle/>
        <a:p>
          <a:pPr algn="ctr"/>
          <a:r>
            <a:rPr lang="en-US" sz="2400" dirty="0">
              <a:latin typeface="AmplitudeTF" panose="02000506050000020004" pitchFamily="50" charset="0"/>
            </a:rPr>
            <a:t>Maintenance</a:t>
          </a:r>
        </a:p>
      </dgm:t>
    </dgm:pt>
    <dgm:pt modelId="{58294E70-51AB-4FA3-9CF8-8744EFD14643}" type="parTrans" cxnId="{E871584E-244E-4552-9107-7B867A0B98DA}">
      <dgm:prSet/>
      <dgm:spPr/>
      <dgm:t>
        <a:bodyPr/>
        <a:lstStyle/>
        <a:p>
          <a:endParaRPr lang="en-US" sz="3600">
            <a:solidFill>
              <a:schemeClr val="tx2"/>
            </a:solidFill>
            <a:latin typeface="AmplitudeTF" panose="02000506050000020004" pitchFamily="50" charset="0"/>
          </a:endParaRPr>
        </a:p>
      </dgm:t>
    </dgm:pt>
    <dgm:pt modelId="{5A2959D7-E9A9-4F64-B751-86FC4C8EE641}" type="sibTrans" cxnId="{E871584E-244E-4552-9107-7B867A0B98DA}">
      <dgm:prSet/>
      <dgm:spPr/>
      <dgm:t>
        <a:bodyPr/>
        <a:lstStyle/>
        <a:p>
          <a:endParaRPr lang="en-US" sz="3600">
            <a:solidFill>
              <a:schemeClr val="tx2"/>
            </a:solidFill>
            <a:latin typeface="AmplitudeTF" panose="02000506050000020004" pitchFamily="50" charset="0"/>
          </a:endParaRPr>
        </a:p>
      </dgm:t>
    </dgm:pt>
    <dgm:pt modelId="{79C88DF8-042F-465C-B191-7C3E8527C2F0}">
      <dgm:prSet phldrT="[Text]" custT="1"/>
      <dgm:spPr/>
      <dgm:t>
        <a:bodyPr anchor="ctr"/>
        <a:lstStyle/>
        <a:p>
          <a:pPr>
            <a:buFont typeface="Wingdings" panose="05000000000000000000" pitchFamily="2" charset="2"/>
            <a:buChar char="§"/>
          </a:pPr>
          <a:r>
            <a:rPr lang="en-US" sz="1600" dirty="0">
              <a:latin typeface="AmplitudeTF" panose="02000506050000020004" pitchFamily="50" charset="0"/>
            </a:rPr>
            <a:t>Is maintenance needed, or does the system maintain itself?</a:t>
          </a:r>
        </a:p>
      </dgm:t>
    </dgm:pt>
    <dgm:pt modelId="{7EDF9AE9-33FD-4EA0-A1ED-8FA2917F546E}" type="parTrans" cxnId="{0CD756A6-562A-41F0-B564-AAD21A7D66CE}">
      <dgm:prSet/>
      <dgm:spPr/>
      <dgm:t>
        <a:bodyPr/>
        <a:lstStyle/>
        <a:p>
          <a:endParaRPr lang="en-US" sz="3600">
            <a:solidFill>
              <a:schemeClr val="tx2"/>
            </a:solidFill>
            <a:latin typeface="AmplitudeTF" panose="02000506050000020004" pitchFamily="50" charset="0"/>
          </a:endParaRPr>
        </a:p>
      </dgm:t>
    </dgm:pt>
    <dgm:pt modelId="{75012A66-1D38-40BA-849D-7C0AB7DFF29C}" type="sibTrans" cxnId="{0CD756A6-562A-41F0-B564-AAD21A7D66CE}">
      <dgm:prSet/>
      <dgm:spPr/>
      <dgm:t>
        <a:bodyPr/>
        <a:lstStyle/>
        <a:p>
          <a:endParaRPr lang="en-US" sz="3600">
            <a:solidFill>
              <a:schemeClr val="tx2"/>
            </a:solidFill>
            <a:latin typeface="AmplitudeTF" panose="02000506050000020004" pitchFamily="50" charset="0"/>
          </a:endParaRPr>
        </a:p>
      </dgm:t>
    </dgm:pt>
    <dgm:pt modelId="{78C4EAD3-6FAE-4F1D-A692-F311B0322A1B}">
      <dgm:prSet phldrT="[Text]" custT="1"/>
      <dgm:spPr/>
      <dgm:t>
        <a:bodyPr anchor="ctr"/>
        <a:lstStyle/>
        <a:p>
          <a:pPr>
            <a:buFont typeface="Wingdings" panose="05000000000000000000" pitchFamily="2" charset="2"/>
            <a:buChar char="§"/>
          </a:pPr>
          <a:r>
            <a:rPr lang="en-US" sz="1600" dirty="0">
              <a:latin typeface="AmplitudeTF" panose="02000506050000020004" pitchFamily="50" charset="0"/>
            </a:rPr>
            <a:t>What are the features/functionality you require?</a:t>
          </a:r>
        </a:p>
      </dgm:t>
    </dgm:pt>
    <dgm:pt modelId="{14B2F519-5A55-4292-B723-F8584DC2067C}" type="parTrans" cxnId="{7ED60336-4A17-4873-8121-7CC63776C8B4}">
      <dgm:prSet/>
      <dgm:spPr/>
      <dgm:t>
        <a:bodyPr/>
        <a:lstStyle/>
        <a:p>
          <a:endParaRPr lang="en-US" sz="3600">
            <a:solidFill>
              <a:schemeClr val="tx2"/>
            </a:solidFill>
            <a:latin typeface="AmplitudeTF" panose="02000506050000020004" pitchFamily="50" charset="0"/>
          </a:endParaRPr>
        </a:p>
      </dgm:t>
    </dgm:pt>
    <dgm:pt modelId="{773A0834-4723-4C3B-87EA-D0D12BAF4CB5}" type="sibTrans" cxnId="{7ED60336-4A17-4873-8121-7CC63776C8B4}">
      <dgm:prSet/>
      <dgm:spPr/>
      <dgm:t>
        <a:bodyPr/>
        <a:lstStyle/>
        <a:p>
          <a:endParaRPr lang="en-US" sz="3600">
            <a:solidFill>
              <a:schemeClr val="tx2"/>
            </a:solidFill>
            <a:latin typeface="AmplitudeTF" panose="02000506050000020004" pitchFamily="50" charset="0"/>
          </a:endParaRPr>
        </a:p>
      </dgm:t>
    </dgm:pt>
    <dgm:pt modelId="{F08AA4A1-4414-4F09-BDEB-1091781C851F}">
      <dgm:prSet custT="1"/>
      <dgm:spPr/>
      <dgm:t>
        <a:bodyPr anchor="ctr"/>
        <a:lstStyle/>
        <a:p>
          <a:pPr>
            <a:buFont typeface="Wingdings" panose="05000000000000000000" pitchFamily="2" charset="2"/>
            <a:buChar char="§"/>
          </a:pPr>
          <a:r>
            <a:rPr lang="en-US" sz="1600" dirty="0">
              <a:latin typeface="AmplitudeTF" panose="02000506050000020004" pitchFamily="50" charset="0"/>
            </a:rPr>
            <a:t>If maintenance is needed, who in your company will do this and how?</a:t>
          </a:r>
        </a:p>
      </dgm:t>
    </dgm:pt>
    <dgm:pt modelId="{7FF1C263-02C5-42E5-81E2-8E8CE071C714}" type="sibTrans" cxnId="{28074418-B977-4C50-9C84-9712AC61BECC}">
      <dgm:prSet/>
      <dgm:spPr/>
      <dgm:t>
        <a:bodyPr/>
        <a:lstStyle/>
        <a:p>
          <a:endParaRPr lang="en-US" sz="3600">
            <a:solidFill>
              <a:schemeClr val="tx2"/>
            </a:solidFill>
            <a:latin typeface="AmplitudeTF" panose="02000506050000020004" pitchFamily="50" charset="0"/>
          </a:endParaRPr>
        </a:p>
      </dgm:t>
    </dgm:pt>
    <dgm:pt modelId="{B598EE6C-E0DF-4872-BED3-E81ED9C4135A}" type="parTrans" cxnId="{28074418-B977-4C50-9C84-9712AC61BECC}">
      <dgm:prSet/>
      <dgm:spPr/>
      <dgm:t>
        <a:bodyPr/>
        <a:lstStyle/>
        <a:p>
          <a:endParaRPr lang="en-US" sz="3600">
            <a:solidFill>
              <a:schemeClr val="tx2"/>
            </a:solidFill>
            <a:latin typeface="AmplitudeTF" panose="02000506050000020004" pitchFamily="50" charset="0"/>
          </a:endParaRPr>
        </a:p>
      </dgm:t>
    </dgm:pt>
    <dgm:pt modelId="{F30D0E6B-B11C-4598-9867-8D37BDEDFE5E}">
      <dgm:prSet custT="1"/>
      <dgm:spPr/>
      <dgm:t>
        <a:bodyPr anchor="ctr"/>
        <a:lstStyle/>
        <a:p>
          <a:pPr algn="ctr">
            <a:buFont typeface="Wingdings" panose="05000000000000000000" pitchFamily="2" charset="2"/>
            <a:buChar char="§"/>
          </a:pPr>
          <a:r>
            <a:rPr lang="en-US" sz="2400" dirty="0">
              <a:latin typeface="AmplitudeTF" panose="02000506050000020004" pitchFamily="50" charset="0"/>
            </a:rPr>
            <a:t>Cost</a:t>
          </a:r>
        </a:p>
      </dgm:t>
    </dgm:pt>
    <dgm:pt modelId="{471D66B8-0B03-4BA4-8E7D-05AD123A66D1}" type="parTrans" cxnId="{34F417CD-7C99-4D10-9A3A-5A3A1E5E4093}">
      <dgm:prSet/>
      <dgm:spPr/>
      <dgm:t>
        <a:bodyPr/>
        <a:lstStyle/>
        <a:p>
          <a:endParaRPr lang="en-US" sz="3600">
            <a:solidFill>
              <a:schemeClr val="tx2"/>
            </a:solidFill>
            <a:latin typeface="AmplitudeTF" panose="02000506050000020004" pitchFamily="50" charset="0"/>
          </a:endParaRPr>
        </a:p>
      </dgm:t>
    </dgm:pt>
    <dgm:pt modelId="{E8369ABB-DA73-4B6E-AE3B-6B27A26E4224}" type="sibTrans" cxnId="{34F417CD-7C99-4D10-9A3A-5A3A1E5E4093}">
      <dgm:prSet/>
      <dgm:spPr/>
      <dgm:t>
        <a:bodyPr/>
        <a:lstStyle/>
        <a:p>
          <a:endParaRPr lang="en-US" sz="3600">
            <a:solidFill>
              <a:schemeClr val="tx2"/>
            </a:solidFill>
            <a:latin typeface="AmplitudeTF" panose="02000506050000020004" pitchFamily="50" charset="0"/>
          </a:endParaRPr>
        </a:p>
      </dgm:t>
    </dgm:pt>
    <dgm:pt modelId="{144AAF0F-B801-4F20-BC9D-98B0AE2B292A}">
      <dgm:prSet custT="1"/>
      <dgm:spPr/>
      <dgm:t>
        <a:bodyPr anchor="ctr"/>
        <a:lstStyle/>
        <a:p>
          <a:pPr>
            <a:buFont typeface="Wingdings" panose="05000000000000000000" pitchFamily="2" charset="2"/>
            <a:buChar char="§"/>
          </a:pPr>
          <a:r>
            <a:rPr lang="en-US" sz="1600" dirty="0">
              <a:latin typeface="AmplitudeTF" panose="02000506050000020004" pitchFamily="50" charset="0"/>
            </a:rPr>
            <a:t>Understand one-time vs. ongoing costs</a:t>
          </a:r>
        </a:p>
      </dgm:t>
    </dgm:pt>
    <dgm:pt modelId="{1BBF6989-7387-4C8E-915A-EA34C31F564D}" type="parTrans" cxnId="{DD7444B3-A67D-49BF-9A49-B7BA9C4ABF42}">
      <dgm:prSet/>
      <dgm:spPr/>
      <dgm:t>
        <a:bodyPr/>
        <a:lstStyle/>
        <a:p>
          <a:endParaRPr lang="en-US" sz="3600">
            <a:solidFill>
              <a:schemeClr val="tx2"/>
            </a:solidFill>
            <a:latin typeface="AmplitudeTF" panose="02000506050000020004" pitchFamily="50" charset="0"/>
          </a:endParaRPr>
        </a:p>
      </dgm:t>
    </dgm:pt>
    <dgm:pt modelId="{0CEDFA49-4502-4189-BE8A-FDAB9A69C006}" type="sibTrans" cxnId="{DD7444B3-A67D-49BF-9A49-B7BA9C4ABF42}">
      <dgm:prSet/>
      <dgm:spPr/>
      <dgm:t>
        <a:bodyPr/>
        <a:lstStyle/>
        <a:p>
          <a:endParaRPr lang="en-US" sz="3600">
            <a:solidFill>
              <a:schemeClr val="tx2"/>
            </a:solidFill>
            <a:latin typeface="AmplitudeTF" panose="02000506050000020004" pitchFamily="50" charset="0"/>
          </a:endParaRPr>
        </a:p>
      </dgm:t>
    </dgm:pt>
    <dgm:pt modelId="{1E139F28-B00F-48A3-A1C4-F81B15D5CF59}">
      <dgm:prSet custT="1"/>
      <dgm:spPr/>
      <dgm:t>
        <a:bodyPr anchor="ctr"/>
        <a:lstStyle/>
        <a:p>
          <a:pPr>
            <a:buFont typeface="Wingdings" panose="05000000000000000000" pitchFamily="2" charset="2"/>
            <a:buChar char="§"/>
          </a:pPr>
          <a:r>
            <a:rPr lang="en-US" sz="1600" dirty="0">
              <a:latin typeface="AmplitudeTF" panose="02000506050000020004" pitchFamily="50" charset="0"/>
            </a:rPr>
            <a:t>Do you purchase with one-time payment?</a:t>
          </a:r>
        </a:p>
      </dgm:t>
    </dgm:pt>
    <dgm:pt modelId="{5E74700F-6EDB-40B8-A380-99C210AE4B27}" type="parTrans" cxnId="{61128DFD-814E-4CA7-9640-81BC1EFB7120}">
      <dgm:prSet/>
      <dgm:spPr/>
      <dgm:t>
        <a:bodyPr/>
        <a:lstStyle/>
        <a:p>
          <a:endParaRPr lang="en-US" sz="3600">
            <a:solidFill>
              <a:schemeClr val="tx2"/>
            </a:solidFill>
            <a:latin typeface="AmplitudeTF" panose="02000506050000020004" pitchFamily="50" charset="0"/>
          </a:endParaRPr>
        </a:p>
      </dgm:t>
    </dgm:pt>
    <dgm:pt modelId="{1B74D05D-D567-4010-87FC-26724D792931}" type="sibTrans" cxnId="{61128DFD-814E-4CA7-9640-81BC1EFB7120}">
      <dgm:prSet/>
      <dgm:spPr/>
      <dgm:t>
        <a:bodyPr/>
        <a:lstStyle/>
        <a:p>
          <a:endParaRPr lang="en-US" sz="3600">
            <a:solidFill>
              <a:schemeClr val="tx2"/>
            </a:solidFill>
            <a:latin typeface="AmplitudeTF" panose="02000506050000020004" pitchFamily="50" charset="0"/>
          </a:endParaRPr>
        </a:p>
      </dgm:t>
    </dgm:pt>
    <dgm:pt modelId="{1930414F-DE18-4AB4-AA44-DE4469A064B0}">
      <dgm:prSet custT="1"/>
      <dgm:spPr/>
      <dgm:t>
        <a:bodyPr anchor="ctr"/>
        <a:lstStyle/>
        <a:p>
          <a:pPr>
            <a:buFont typeface="Wingdings" panose="05000000000000000000" pitchFamily="2" charset="2"/>
            <a:buChar char="§"/>
          </a:pPr>
          <a:r>
            <a:rPr lang="en-US" sz="1600" dirty="0">
              <a:latin typeface="AmplitudeTF" panose="02000506050000020004" pitchFamily="50" charset="0"/>
            </a:rPr>
            <a:t>Are there monthly and/or annual costs?</a:t>
          </a:r>
        </a:p>
      </dgm:t>
    </dgm:pt>
    <dgm:pt modelId="{34E3269B-E01F-48CF-8CD2-0CF6C3BF8659}" type="parTrans" cxnId="{B71C80BB-16AF-49E2-839F-70C95CAF8BD6}">
      <dgm:prSet/>
      <dgm:spPr/>
      <dgm:t>
        <a:bodyPr/>
        <a:lstStyle/>
        <a:p>
          <a:endParaRPr lang="en-US" sz="3600">
            <a:solidFill>
              <a:schemeClr val="tx2"/>
            </a:solidFill>
            <a:latin typeface="AmplitudeTF" panose="02000506050000020004" pitchFamily="50" charset="0"/>
          </a:endParaRPr>
        </a:p>
      </dgm:t>
    </dgm:pt>
    <dgm:pt modelId="{0F7195FA-7FC6-4B54-83E9-C4F774ADBBAC}" type="sibTrans" cxnId="{B71C80BB-16AF-49E2-839F-70C95CAF8BD6}">
      <dgm:prSet/>
      <dgm:spPr/>
      <dgm:t>
        <a:bodyPr/>
        <a:lstStyle/>
        <a:p>
          <a:endParaRPr lang="en-US" sz="3600">
            <a:solidFill>
              <a:schemeClr val="tx2"/>
            </a:solidFill>
            <a:latin typeface="AmplitudeTF" panose="02000506050000020004" pitchFamily="50" charset="0"/>
          </a:endParaRPr>
        </a:p>
      </dgm:t>
    </dgm:pt>
    <dgm:pt modelId="{D80E79F8-D007-436A-8697-F9CF8CF2EA4A}">
      <dgm:prSet custT="1"/>
      <dgm:spPr/>
      <dgm:t>
        <a:bodyPr anchor="ctr"/>
        <a:lstStyle/>
        <a:p>
          <a:pPr algn="ctr">
            <a:buFont typeface="Wingdings" panose="05000000000000000000" pitchFamily="2" charset="2"/>
            <a:buChar char="§"/>
          </a:pPr>
          <a:r>
            <a:rPr lang="en-US" sz="2400" dirty="0">
              <a:latin typeface="AmplitudeTF" panose="02000506050000020004" pitchFamily="50" charset="0"/>
            </a:rPr>
            <a:t>Technical Support</a:t>
          </a:r>
        </a:p>
      </dgm:t>
    </dgm:pt>
    <dgm:pt modelId="{FC718BF5-022B-4DB3-A6F4-F2FD1512215A}" type="parTrans" cxnId="{C16C8A3F-922C-4AEB-BF45-C38E06E38C58}">
      <dgm:prSet/>
      <dgm:spPr/>
      <dgm:t>
        <a:bodyPr/>
        <a:lstStyle/>
        <a:p>
          <a:endParaRPr lang="en-US" sz="3600">
            <a:solidFill>
              <a:schemeClr val="tx2"/>
            </a:solidFill>
            <a:latin typeface="AmplitudeTF" panose="02000506050000020004" pitchFamily="50" charset="0"/>
          </a:endParaRPr>
        </a:p>
      </dgm:t>
    </dgm:pt>
    <dgm:pt modelId="{3AD13634-B43C-4815-ABA1-AEBA93B98497}" type="sibTrans" cxnId="{C16C8A3F-922C-4AEB-BF45-C38E06E38C58}">
      <dgm:prSet/>
      <dgm:spPr/>
      <dgm:t>
        <a:bodyPr/>
        <a:lstStyle/>
        <a:p>
          <a:endParaRPr lang="en-US" sz="3600">
            <a:solidFill>
              <a:schemeClr val="tx2"/>
            </a:solidFill>
            <a:latin typeface="AmplitudeTF" panose="02000506050000020004" pitchFamily="50" charset="0"/>
          </a:endParaRPr>
        </a:p>
      </dgm:t>
    </dgm:pt>
    <dgm:pt modelId="{75409D84-02AE-485F-B5DF-5167218813ED}">
      <dgm:prSet custT="1"/>
      <dgm:spPr/>
      <dgm:t>
        <a:bodyPr anchor="ctr"/>
        <a:lstStyle/>
        <a:p>
          <a:pPr>
            <a:buFont typeface="Wingdings" panose="05000000000000000000" pitchFamily="2" charset="2"/>
            <a:buChar char="§"/>
          </a:pPr>
          <a:r>
            <a:rPr lang="en-US" sz="1600" dirty="0">
              <a:latin typeface="AmplitudeTF" panose="02000506050000020004" pitchFamily="50" charset="0"/>
            </a:rPr>
            <a:t>What is your technical skill background?</a:t>
          </a:r>
        </a:p>
      </dgm:t>
    </dgm:pt>
    <dgm:pt modelId="{390FAED9-65D7-446C-B12E-9A48C39F9FDC}" type="parTrans" cxnId="{6729669F-20A7-415A-9633-E62B22B2A182}">
      <dgm:prSet/>
      <dgm:spPr/>
      <dgm:t>
        <a:bodyPr/>
        <a:lstStyle/>
        <a:p>
          <a:endParaRPr lang="en-US" sz="3600">
            <a:solidFill>
              <a:schemeClr val="tx2"/>
            </a:solidFill>
            <a:latin typeface="AmplitudeTF" panose="02000506050000020004" pitchFamily="50" charset="0"/>
          </a:endParaRPr>
        </a:p>
      </dgm:t>
    </dgm:pt>
    <dgm:pt modelId="{54C7567E-693B-4267-9D0D-316835974F9C}" type="sibTrans" cxnId="{6729669F-20A7-415A-9633-E62B22B2A182}">
      <dgm:prSet/>
      <dgm:spPr/>
      <dgm:t>
        <a:bodyPr/>
        <a:lstStyle/>
        <a:p>
          <a:endParaRPr lang="en-US" sz="3600">
            <a:solidFill>
              <a:schemeClr val="tx2"/>
            </a:solidFill>
            <a:latin typeface="AmplitudeTF" panose="02000506050000020004" pitchFamily="50" charset="0"/>
          </a:endParaRPr>
        </a:p>
      </dgm:t>
    </dgm:pt>
    <dgm:pt modelId="{429B60BE-5F9F-4DCB-B8A5-5BD513CE1939}">
      <dgm:prSet custT="1"/>
      <dgm:spPr/>
      <dgm:t>
        <a:bodyPr anchor="ctr"/>
        <a:lstStyle/>
        <a:p>
          <a:pPr>
            <a:buFont typeface="Wingdings" panose="05000000000000000000" pitchFamily="2" charset="2"/>
            <a:buChar char="§"/>
          </a:pPr>
          <a:r>
            <a:rPr lang="en-US" sz="1600" dirty="0">
              <a:latin typeface="AmplitudeTF" panose="02000506050000020004" pitchFamily="50" charset="0"/>
            </a:rPr>
            <a:t>Does the product you are considering have extensive technical support?</a:t>
          </a:r>
        </a:p>
      </dgm:t>
    </dgm:pt>
    <dgm:pt modelId="{29B0E23C-C979-4B87-B137-129627C4115F}" type="parTrans" cxnId="{EBF31209-1730-439E-B422-378E8851E7B8}">
      <dgm:prSet/>
      <dgm:spPr/>
      <dgm:t>
        <a:bodyPr/>
        <a:lstStyle/>
        <a:p>
          <a:endParaRPr lang="en-US" sz="3600">
            <a:solidFill>
              <a:schemeClr val="tx2"/>
            </a:solidFill>
            <a:latin typeface="AmplitudeTF" panose="02000506050000020004" pitchFamily="50" charset="0"/>
          </a:endParaRPr>
        </a:p>
      </dgm:t>
    </dgm:pt>
    <dgm:pt modelId="{DCD8CB78-1B09-4501-8D0E-1AC6D607E640}" type="sibTrans" cxnId="{EBF31209-1730-439E-B422-378E8851E7B8}">
      <dgm:prSet/>
      <dgm:spPr/>
      <dgm:t>
        <a:bodyPr/>
        <a:lstStyle/>
        <a:p>
          <a:endParaRPr lang="en-US" sz="3600">
            <a:solidFill>
              <a:schemeClr val="tx2"/>
            </a:solidFill>
            <a:latin typeface="AmplitudeTF" panose="02000506050000020004" pitchFamily="50" charset="0"/>
          </a:endParaRPr>
        </a:p>
      </dgm:t>
    </dgm:pt>
    <dgm:pt modelId="{D4F2F4BE-C161-46D8-9E3C-10B487D0B1E4}">
      <dgm:prSet custT="1"/>
      <dgm:spPr/>
      <dgm:t>
        <a:bodyPr anchor="ctr"/>
        <a:lstStyle/>
        <a:p>
          <a:pPr>
            <a:buFont typeface="Wingdings" panose="05000000000000000000" pitchFamily="2" charset="2"/>
            <a:buChar char="§"/>
          </a:pPr>
          <a:r>
            <a:rPr lang="en-US" sz="1600" dirty="0">
              <a:latin typeface="AmplitudeTF" panose="02000506050000020004" pitchFamily="50" charset="0"/>
            </a:rPr>
            <a:t>Does the product you are considering have good documentation?</a:t>
          </a:r>
        </a:p>
      </dgm:t>
    </dgm:pt>
    <dgm:pt modelId="{9EE72468-0679-4652-B169-BEB922121546}" type="parTrans" cxnId="{81287E1F-4AAF-44CE-80AB-C101D3194612}">
      <dgm:prSet/>
      <dgm:spPr/>
      <dgm:t>
        <a:bodyPr/>
        <a:lstStyle/>
        <a:p>
          <a:endParaRPr lang="en-US" sz="3600">
            <a:solidFill>
              <a:schemeClr val="tx2"/>
            </a:solidFill>
            <a:latin typeface="AmplitudeTF" panose="02000506050000020004" pitchFamily="50" charset="0"/>
          </a:endParaRPr>
        </a:p>
      </dgm:t>
    </dgm:pt>
    <dgm:pt modelId="{AF30F6B7-1CF3-4732-8A75-0D85DAFE9353}" type="sibTrans" cxnId="{81287E1F-4AAF-44CE-80AB-C101D3194612}">
      <dgm:prSet/>
      <dgm:spPr/>
      <dgm:t>
        <a:bodyPr/>
        <a:lstStyle/>
        <a:p>
          <a:endParaRPr lang="en-US" sz="3600">
            <a:solidFill>
              <a:schemeClr val="tx2"/>
            </a:solidFill>
            <a:latin typeface="AmplitudeTF" panose="02000506050000020004" pitchFamily="50" charset="0"/>
          </a:endParaRPr>
        </a:p>
      </dgm:t>
    </dgm:pt>
    <dgm:pt modelId="{399BD40C-6293-4FC1-BF23-2C7FFFBA19E6}">
      <dgm:prSet custT="1"/>
      <dgm:spPr/>
      <dgm:t>
        <a:bodyPr anchor="ctr"/>
        <a:lstStyle/>
        <a:p>
          <a:pPr algn="ctr">
            <a:buFont typeface="Wingdings" panose="05000000000000000000" pitchFamily="2" charset="2"/>
            <a:buChar char="§"/>
          </a:pPr>
          <a:r>
            <a:rPr lang="en-US" sz="2400" dirty="0">
              <a:latin typeface="AmplitudeTF" panose="02000506050000020004" pitchFamily="50" charset="0"/>
            </a:rPr>
            <a:t>Scalability</a:t>
          </a:r>
        </a:p>
      </dgm:t>
    </dgm:pt>
    <dgm:pt modelId="{04B49DA9-91AB-4D5C-B9FE-52AAB1B8D26B}" type="parTrans" cxnId="{F833898C-DFF6-4002-A440-291CB144487D}">
      <dgm:prSet/>
      <dgm:spPr/>
      <dgm:t>
        <a:bodyPr/>
        <a:lstStyle/>
        <a:p>
          <a:endParaRPr lang="en-US" sz="3600">
            <a:solidFill>
              <a:schemeClr val="tx2"/>
            </a:solidFill>
            <a:latin typeface="AmplitudeTF" panose="02000506050000020004" pitchFamily="50" charset="0"/>
          </a:endParaRPr>
        </a:p>
      </dgm:t>
    </dgm:pt>
    <dgm:pt modelId="{E2DC1F43-573F-4B77-8DAF-FD7197C99281}" type="sibTrans" cxnId="{F833898C-DFF6-4002-A440-291CB144487D}">
      <dgm:prSet/>
      <dgm:spPr/>
      <dgm:t>
        <a:bodyPr/>
        <a:lstStyle/>
        <a:p>
          <a:endParaRPr lang="en-US" sz="3600">
            <a:solidFill>
              <a:schemeClr val="tx2"/>
            </a:solidFill>
            <a:latin typeface="AmplitudeTF" panose="02000506050000020004" pitchFamily="50" charset="0"/>
          </a:endParaRPr>
        </a:p>
      </dgm:t>
    </dgm:pt>
    <dgm:pt modelId="{347568F4-446B-4C84-B70D-B4A64F320688}">
      <dgm:prSet custT="1"/>
      <dgm:spPr/>
      <dgm:t>
        <a:bodyPr anchor="ctr"/>
        <a:lstStyle/>
        <a:p>
          <a:pPr>
            <a:buFont typeface="Wingdings" panose="05000000000000000000" pitchFamily="2" charset="2"/>
            <a:buChar char="§"/>
          </a:pPr>
          <a:r>
            <a:rPr lang="en-US" sz="1600" dirty="0">
              <a:latin typeface="AmplitudeTF" panose="02000506050000020004" pitchFamily="50" charset="0"/>
            </a:rPr>
            <a:t>Will the system grow/scale with your business growth?</a:t>
          </a:r>
        </a:p>
      </dgm:t>
    </dgm:pt>
    <dgm:pt modelId="{90C0E7F8-B828-4AB9-8CF6-E0EB64CFBCF4}" type="parTrans" cxnId="{07D1F4A6-8168-43F0-8550-3B1D7B9F9882}">
      <dgm:prSet/>
      <dgm:spPr/>
      <dgm:t>
        <a:bodyPr/>
        <a:lstStyle/>
        <a:p>
          <a:endParaRPr lang="en-US" sz="3600">
            <a:solidFill>
              <a:schemeClr val="tx2"/>
            </a:solidFill>
            <a:latin typeface="AmplitudeTF" panose="02000506050000020004" pitchFamily="50" charset="0"/>
          </a:endParaRPr>
        </a:p>
      </dgm:t>
    </dgm:pt>
    <dgm:pt modelId="{F66C6896-F35E-45EB-BE13-70975E4DB70C}" type="sibTrans" cxnId="{07D1F4A6-8168-43F0-8550-3B1D7B9F9882}">
      <dgm:prSet/>
      <dgm:spPr/>
      <dgm:t>
        <a:bodyPr/>
        <a:lstStyle/>
        <a:p>
          <a:endParaRPr lang="en-US" sz="3600">
            <a:solidFill>
              <a:schemeClr val="tx2"/>
            </a:solidFill>
            <a:latin typeface="AmplitudeTF" panose="02000506050000020004" pitchFamily="50" charset="0"/>
          </a:endParaRPr>
        </a:p>
      </dgm:t>
    </dgm:pt>
    <dgm:pt modelId="{1DBF350C-5F7C-4750-908E-0F33E6679437}">
      <dgm:prSet custT="1"/>
      <dgm:spPr/>
      <dgm:t>
        <a:bodyPr anchor="ctr"/>
        <a:lstStyle/>
        <a:p>
          <a:pPr>
            <a:buFont typeface="Wingdings" panose="05000000000000000000" pitchFamily="2" charset="2"/>
            <a:buChar char="§"/>
          </a:pPr>
          <a:r>
            <a:rPr lang="en-US" sz="1600" dirty="0">
              <a:latin typeface="AmplitudeTF" panose="02000506050000020004" pitchFamily="50" charset="0"/>
            </a:rPr>
            <a:t>Will the system last and work after this situation/crisis is over?</a:t>
          </a:r>
        </a:p>
      </dgm:t>
    </dgm:pt>
    <dgm:pt modelId="{3E1F4DE2-EF05-472E-A4EA-ABA4C4B75D16}" type="parTrans" cxnId="{DF1FEF80-D7A7-424D-B616-A8A3AD935CC8}">
      <dgm:prSet/>
      <dgm:spPr/>
      <dgm:t>
        <a:bodyPr/>
        <a:lstStyle/>
        <a:p>
          <a:endParaRPr lang="en-US" sz="3600">
            <a:solidFill>
              <a:schemeClr val="tx2"/>
            </a:solidFill>
            <a:latin typeface="AmplitudeTF" panose="02000506050000020004" pitchFamily="50" charset="0"/>
          </a:endParaRPr>
        </a:p>
      </dgm:t>
    </dgm:pt>
    <dgm:pt modelId="{91E190FF-57B3-4BC4-B819-9660AD7159A8}" type="sibTrans" cxnId="{DF1FEF80-D7A7-424D-B616-A8A3AD935CC8}">
      <dgm:prSet/>
      <dgm:spPr/>
      <dgm:t>
        <a:bodyPr/>
        <a:lstStyle/>
        <a:p>
          <a:endParaRPr lang="en-US" sz="3600">
            <a:solidFill>
              <a:schemeClr val="tx2"/>
            </a:solidFill>
            <a:latin typeface="AmplitudeTF" panose="02000506050000020004" pitchFamily="50" charset="0"/>
          </a:endParaRPr>
        </a:p>
      </dgm:t>
    </dgm:pt>
    <dgm:pt modelId="{9D7D17EE-642D-4EE7-B825-B76A1C88D523}">
      <dgm:prSet custT="1"/>
      <dgm:spPr/>
      <dgm:t>
        <a:bodyPr anchor="ctr"/>
        <a:lstStyle/>
        <a:p>
          <a:pPr algn="ctr">
            <a:buFont typeface="Wingdings" panose="05000000000000000000" pitchFamily="2" charset="2"/>
            <a:buChar char="§"/>
          </a:pPr>
          <a:r>
            <a:rPr lang="en-US" sz="2400" dirty="0">
              <a:latin typeface="AmplitudeTF" panose="02000506050000020004" pitchFamily="50" charset="0"/>
            </a:rPr>
            <a:t>Timeline</a:t>
          </a:r>
        </a:p>
      </dgm:t>
    </dgm:pt>
    <dgm:pt modelId="{E56C4280-9315-48CA-9C87-FD4927455734}" type="parTrans" cxnId="{1D11A5F5-BDF0-4015-A643-38D69A55D23B}">
      <dgm:prSet/>
      <dgm:spPr/>
      <dgm:t>
        <a:bodyPr/>
        <a:lstStyle/>
        <a:p>
          <a:endParaRPr lang="en-US"/>
        </a:p>
      </dgm:t>
    </dgm:pt>
    <dgm:pt modelId="{8B14CA20-0C67-42BC-A6D8-65ECF590C014}" type="sibTrans" cxnId="{1D11A5F5-BDF0-4015-A643-38D69A55D23B}">
      <dgm:prSet/>
      <dgm:spPr/>
      <dgm:t>
        <a:bodyPr/>
        <a:lstStyle/>
        <a:p>
          <a:endParaRPr lang="en-US"/>
        </a:p>
      </dgm:t>
    </dgm:pt>
    <dgm:pt modelId="{F69EB7D3-2E71-4030-9C30-1D27BB211CAC}">
      <dgm:prSet custT="1"/>
      <dgm:spPr/>
      <dgm:t>
        <a:bodyPr anchor="ctr"/>
        <a:lstStyle/>
        <a:p>
          <a:pPr algn="l">
            <a:buFont typeface="Wingdings" panose="05000000000000000000" pitchFamily="2" charset="2"/>
            <a:buChar char="§"/>
          </a:pPr>
          <a:r>
            <a:rPr lang="en-US" sz="1600" dirty="0">
              <a:latin typeface="AmplitudeTF" panose="02000506050000020004" pitchFamily="50" charset="0"/>
            </a:rPr>
            <a:t>What are your immediate and long-term needs?</a:t>
          </a:r>
        </a:p>
      </dgm:t>
    </dgm:pt>
    <dgm:pt modelId="{33CAB942-F318-4FB6-94F3-2A0BE502DDDE}" type="parTrans" cxnId="{DD453C26-4DB0-4846-9BDB-29002939D3AF}">
      <dgm:prSet/>
      <dgm:spPr/>
      <dgm:t>
        <a:bodyPr/>
        <a:lstStyle/>
        <a:p>
          <a:endParaRPr lang="en-US"/>
        </a:p>
      </dgm:t>
    </dgm:pt>
    <dgm:pt modelId="{9217F9E6-D100-4A67-BF36-80435F5B6C51}" type="sibTrans" cxnId="{DD453C26-4DB0-4846-9BDB-29002939D3AF}">
      <dgm:prSet/>
      <dgm:spPr/>
      <dgm:t>
        <a:bodyPr/>
        <a:lstStyle/>
        <a:p>
          <a:endParaRPr lang="en-US"/>
        </a:p>
      </dgm:t>
    </dgm:pt>
    <dgm:pt modelId="{1076FE5E-641C-440C-92EE-39BBC5DABF6E}">
      <dgm:prSet custT="1"/>
      <dgm:spPr/>
      <dgm:t>
        <a:bodyPr anchor="ctr"/>
        <a:lstStyle/>
        <a:p>
          <a:pPr algn="l">
            <a:buFont typeface="Wingdings" panose="05000000000000000000" pitchFamily="2" charset="2"/>
            <a:buChar char="§"/>
          </a:pPr>
          <a:r>
            <a:rPr lang="en-US" sz="1600" dirty="0">
              <a:latin typeface="AmplitudeTF" panose="02000506050000020004" pitchFamily="50" charset="0"/>
            </a:rPr>
            <a:t>Will you need to break up implementation of the product into multiple projects or phases?</a:t>
          </a:r>
        </a:p>
      </dgm:t>
    </dgm:pt>
    <dgm:pt modelId="{07BC6380-67BA-4303-950B-C90C559E9382}" type="parTrans" cxnId="{FF25EDBB-9D55-45C4-8A66-452CB81D8ED3}">
      <dgm:prSet/>
      <dgm:spPr/>
      <dgm:t>
        <a:bodyPr/>
        <a:lstStyle/>
        <a:p>
          <a:endParaRPr lang="en-US"/>
        </a:p>
      </dgm:t>
    </dgm:pt>
    <dgm:pt modelId="{4924FFCA-3C5E-473E-AF39-45546C29E9F4}" type="sibTrans" cxnId="{FF25EDBB-9D55-45C4-8A66-452CB81D8ED3}">
      <dgm:prSet/>
      <dgm:spPr/>
      <dgm:t>
        <a:bodyPr/>
        <a:lstStyle/>
        <a:p>
          <a:endParaRPr lang="en-US"/>
        </a:p>
      </dgm:t>
    </dgm:pt>
    <dgm:pt modelId="{CD344B7C-3CA6-4191-AADF-B188629A540B}" type="pres">
      <dgm:prSet presAssocID="{766F537B-9F91-47C6-B3ED-5CEDE09CEA0D}" presName="vert0" presStyleCnt="0">
        <dgm:presLayoutVars>
          <dgm:dir/>
          <dgm:animOne val="branch"/>
          <dgm:animLvl val="lvl"/>
        </dgm:presLayoutVars>
      </dgm:prSet>
      <dgm:spPr/>
    </dgm:pt>
    <dgm:pt modelId="{AEFC2E2C-5A71-4604-9E63-1212E050FB90}" type="pres">
      <dgm:prSet presAssocID="{09C30275-5D5F-409E-BC66-43AA49E62463}" presName="thickLine" presStyleLbl="alignNode1" presStyleIdx="0" presStyleCnt="6"/>
      <dgm:spPr/>
    </dgm:pt>
    <dgm:pt modelId="{EA13747D-00C0-490E-B48E-B62A585FC32B}" type="pres">
      <dgm:prSet presAssocID="{09C30275-5D5F-409E-BC66-43AA49E62463}" presName="horz1" presStyleCnt="0"/>
      <dgm:spPr/>
    </dgm:pt>
    <dgm:pt modelId="{D3C3489E-0E87-4EF0-ABDE-321DD39C31FB}" type="pres">
      <dgm:prSet presAssocID="{09C30275-5D5F-409E-BC66-43AA49E62463}" presName="tx1" presStyleLbl="revTx" presStyleIdx="0" presStyleCnt="20"/>
      <dgm:spPr/>
    </dgm:pt>
    <dgm:pt modelId="{E6DA9385-6D2F-487F-A07E-45064397EB02}" type="pres">
      <dgm:prSet presAssocID="{09C30275-5D5F-409E-BC66-43AA49E62463}" presName="vert1" presStyleCnt="0"/>
      <dgm:spPr/>
    </dgm:pt>
    <dgm:pt modelId="{7BD7B691-099C-43C5-A47B-8AA6E2A42542}" type="pres">
      <dgm:prSet presAssocID="{78C4EAD3-6FAE-4F1D-A692-F311B0322A1B}" presName="vertSpace2a" presStyleCnt="0"/>
      <dgm:spPr/>
    </dgm:pt>
    <dgm:pt modelId="{1C5F7CCE-879A-486C-8F18-513B788EAEFB}" type="pres">
      <dgm:prSet presAssocID="{78C4EAD3-6FAE-4F1D-A692-F311B0322A1B}" presName="horz2" presStyleCnt="0"/>
      <dgm:spPr/>
    </dgm:pt>
    <dgm:pt modelId="{5A24885D-EF33-4F45-A0D9-0CA3039FD3F9}" type="pres">
      <dgm:prSet presAssocID="{78C4EAD3-6FAE-4F1D-A692-F311B0322A1B}" presName="horzSpace2" presStyleCnt="0"/>
      <dgm:spPr/>
    </dgm:pt>
    <dgm:pt modelId="{8C42BDB7-AFE0-474C-8425-6E2B264BF88D}" type="pres">
      <dgm:prSet presAssocID="{78C4EAD3-6FAE-4F1D-A692-F311B0322A1B}" presName="tx2" presStyleLbl="revTx" presStyleIdx="1" presStyleCnt="20"/>
      <dgm:spPr/>
    </dgm:pt>
    <dgm:pt modelId="{F185615F-4DE5-4837-9369-A0A475E61EBE}" type="pres">
      <dgm:prSet presAssocID="{78C4EAD3-6FAE-4F1D-A692-F311B0322A1B}" presName="vert2" presStyleCnt="0"/>
      <dgm:spPr/>
    </dgm:pt>
    <dgm:pt modelId="{9ECA8021-7295-498B-98C1-7280C8C252AB}" type="pres">
      <dgm:prSet presAssocID="{78C4EAD3-6FAE-4F1D-A692-F311B0322A1B}" presName="thinLine2b" presStyleLbl="callout" presStyleIdx="0" presStyleCnt="14"/>
      <dgm:spPr/>
    </dgm:pt>
    <dgm:pt modelId="{0CEEAE93-08ED-43B2-8F67-F9340E83DBC0}" type="pres">
      <dgm:prSet presAssocID="{78C4EAD3-6FAE-4F1D-A692-F311B0322A1B}" presName="vertSpace2b" presStyleCnt="0"/>
      <dgm:spPr/>
    </dgm:pt>
    <dgm:pt modelId="{0F0D594F-F078-4C87-B631-624DF0566694}" type="pres">
      <dgm:prSet presAssocID="{826C2FBF-9D8D-4054-A972-1C7C7CC65698}" presName="horz2" presStyleCnt="0"/>
      <dgm:spPr/>
    </dgm:pt>
    <dgm:pt modelId="{121180C9-B28A-4ADF-AC63-B23E3A851F92}" type="pres">
      <dgm:prSet presAssocID="{826C2FBF-9D8D-4054-A972-1C7C7CC65698}" presName="horzSpace2" presStyleCnt="0"/>
      <dgm:spPr/>
    </dgm:pt>
    <dgm:pt modelId="{CC759A12-CDB9-47DD-9BDC-900E38B4F259}" type="pres">
      <dgm:prSet presAssocID="{826C2FBF-9D8D-4054-A972-1C7C7CC65698}" presName="tx2" presStyleLbl="revTx" presStyleIdx="2" presStyleCnt="20"/>
      <dgm:spPr/>
    </dgm:pt>
    <dgm:pt modelId="{2F3D866E-1D43-4283-9BA3-A3793B651899}" type="pres">
      <dgm:prSet presAssocID="{826C2FBF-9D8D-4054-A972-1C7C7CC65698}" presName="vert2" presStyleCnt="0"/>
      <dgm:spPr/>
    </dgm:pt>
    <dgm:pt modelId="{4D3BDB47-3ED2-4F8A-AA16-47D8EE7381EA}" type="pres">
      <dgm:prSet presAssocID="{826C2FBF-9D8D-4054-A972-1C7C7CC65698}" presName="thinLine2b" presStyleLbl="callout" presStyleIdx="1" presStyleCnt="14"/>
      <dgm:spPr/>
    </dgm:pt>
    <dgm:pt modelId="{638FAB9F-B0F0-4C4F-91C0-8D60E2000594}" type="pres">
      <dgm:prSet presAssocID="{826C2FBF-9D8D-4054-A972-1C7C7CC65698}" presName="vertSpace2b" presStyleCnt="0"/>
      <dgm:spPr/>
    </dgm:pt>
    <dgm:pt modelId="{EF8A8A18-E8D5-4265-BCD7-A025E3034E11}" type="pres">
      <dgm:prSet presAssocID="{2BE4AE0E-9016-4BF4-9E3A-73F6404DCDF6}" presName="thickLine" presStyleLbl="alignNode1" presStyleIdx="1" presStyleCnt="6"/>
      <dgm:spPr/>
    </dgm:pt>
    <dgm:pt modelId="{16BDD359-ABAC-42C2-AD11-26FE961272B2}" type="pres">
      <dgm:prSet presAssocID="{2BE4AE0E-9016-4BF4-9E3A-73F6404DCDF6}" presName="horz1" presStyleCnt="0"/>
      <dgm:spPr/>
    </dgm:pt>
    <dgm:pt modelId="{3AFC6DF5-EF85-4F06-8EC9-CD2B3B025A5B}" type="pres">
      <dgm:prSet presAssocID="{2BE4AE0E-9016-4BF4-9E3A-73F6404DCDF6}" presName="tx1" presStyleLbl="revTx" presStyleIdx="3" presStyleCnt="20"/>
      <dgm:spPr/>
    </dgm:pt>
    <dgm:pt modelId="{CE9F1DEA-A055-44A5-873D-551566DEA5D3}" type="pres">
      <dgm:prSet presAssocID="{2BE4AE0E-9016-4BF4-9E3A-73F6404DCDF6}" presName="vert1" presStyleCnt="0"/>
      <dgm:spPr/>
    </dgm:pt>
    <dgm:pt modelId="{4042E626-C3BC-413F-AB74-22183A9B012D}" type="pres">
      <dgm:prSet presAssocID="{79C88DF8-042F-465C-B191-7C3E8527C2F0}" presName="vertSpace2a" presStyleCnt="0"/>
      <dgm:spPr/>
    </dgm:pt>
    <dgm:pt modelId="{E0F20D7B-D9B4-44B8-95B2-AC7BD8E65C38}" type="pres">
      <dgm:prSet presAssocID="{79C88DF8-042F-465C-B191-7C3E8527C2F0}" presName="horz2" presStyleCnt="0"/>
      <dgm:spPr/>
    </dgm:pt>
    <dgm:pt modelId="{FA935DD0-C2FF-462B-853A-5394CB7A5666}" type="pres">
      <dgm:prSet presAssocID="{79C88DF8-042F-465C-B191-7C3E8527C2F0}" presName="horzSpace2" presStyleCnt="0"/>
      <dgm:spPr/>
    </dgm:pt>
    <dgm:pt modelId="{A1BA576E-2C9E-4E93-B4BE-08A9C930D2FD}" type="pres">
      <dgm:prSet presAssocID="{79C88DF8-042F-465C-B191-7C3E8527C2F0}" presName="tx2" presStyleLbl="revTx" presStyleIdx="4" presStyleCnt="20"/>
      <dgm:spPr/>
    </dgm:pt>
    <dgm:pt modelId="{20AB1B02-99E7-445B-82F3-FC6A7462EC82}" type="pres">
      <dgm:prSet presAssocID="{79C88DF8-042F-465C-B191-7C3E8527C2F0}" presName="vert2" presStyleCnt="0"/>
      <dgm:spPr/>
    </dgm:pt>
    <dgm:pt modelId="{38790B00-2681-4F44-B179-BD9F1D271D3A}" type="pres">
      <dgm:prSet presAssocID="{79C88DF8-042F-465C-B191-7C3E8527C2F0}" presName="thinLine2b" presStyleLbl="callout" presStyleIdx="2" presStyleCnt="14"/>
      <dgm:spPr/>
    </dgm:pt>
    <dgm:pt modelId="{FCE0261C-69B1-4393-812B-9E274CC6B50A}" type="pres">
      <dgm:prSet presAssocID="{79C88DF8-042F-465C-B191-7C3E8527C2F0}" presName="vertSpace2b" presStyleCnt="0"/>
      <dgm:spPr/>
    </dgm:pt>
    <dgm:pt modelId="{BAA14ABB-5F45-4504-B6DB-D5D596E27AA6}" type="pres">
      <dgm:prSet presAssocID="{F08AA4A1-4414-4F09-BDEB-1091781C851F}" presName="horz2" presStyleCnt="0"/>
      <dgm:spPr/>
    </dgm:pt>
    <dgm:pt modelId="{4DBB061C-1D3D-4BFB-BB1A-1D5017CDD876}" type="pres">
      <dgm:prSet presAssocID="{F08AA4A1-4414-4F09-BDEB-1091781C851F}" presName="horzSpace2" presStyleCnt="0"/>
      <dgm:spPr/>
    </dgm:pt>
    <dgm:pt modelId="{C814EAED-0190-4F10-8431-A4878C94756D}" type="pres">
      <dgm:prSet presAssocID="{F08AA4A1-4414-4F09-BDEB-1091781C851F}" presName="tx2" presStyleLbl="revTx" presStyleIdx="5" presStyleCnt="20"/>
      <dgm:spPr/>
    </dgm:pt>
    <dgm:pt modelId="{374F3ADA-FAA9-4111-928A-C25C68F79B7A}" type="pres">
      <dgm:prSet presAssocID="{F08AA4A1-4414-4F09-BDEB-1091781C851F}" presName="vert2" presStyleCnt="0"/>
      <dgm:spPr/>
    </dgm:pt>
    <dgm:pt modelId="{21CA10CE-5A4E-4CA7-AB72-FD94FA1E8A4B}" type="pres">
      <dgm:prSet presAssocID="{F08AA4A1-4414-4F09-BDEB-1091781C851F}" presName="thinLine2b" presStyleLbl="callout" presStyleIdx="3" presStyleCnt="14"/>
      <dgm:spPr/>
    </dgm:pt>
    <dgm:pt modelId="{E5822E73-203E-451D-A7D8-DFE97F1ECDEA}" type="pres">
      <dgm:prSet presAssocID="{F08AA4A1-4414-4F09-BDEB-1091781C851F}" presName="vertSpace2b" presStyleCnt="0"/>
      <dgm:spPr/>
    </dgm:pt>
    <dgm:pt modelId="{C9388E77-343D-4645-82ED-09B1B03E6FC2}" type="pres">
      <dgm:prSet presAssocID="{F30D0E6B-B11C-4598-9867-8D37BDEDFE5E}" presName="thickLine" presStyleLbl="alignNode1" presStyleIdx="2" presStyleCnt="6"/>
      <dgm:spPr/>
    </dgm:pt>
    <dgm:pt modelId="{7F40B62D-AF02-4AA8-A4E1-F329E7C9D522}" type="pres">
      <dgm:prSet presAssocID="{F30D0E6B-B11C-4598-9867-8D37BDEDFE5E}" presName="horz1" presStyleCnt="0"/>
      <dgm:spPr/>
    </dgm:pt>
    <dgm:pt modelId="{8094C347-67F1-4FE9-B1DE-38A10C1A3792}" type="pres">
      <dgm:prSet presAssocID="{F30D0E6B-B11C-4598-9867-8D37BDEDFE5E}" presName="tx1" presStyleLbl="revTx" presStyleIdx="6" presStyleCnt="20"/>
      <dgm:spPr/>
    </dgm:pt>
    <dgm:pt modelId="{0BB7A80B-1B51-4406-817A-BD9395636BDC}" type="pres">
      <dgm:prSet presAssocID="{F30D0E6B-B11C-4598-9867-8D37BDEDFE5E}" presName="vert1" presStyleCnt="0"/>
      <dgm:spPr/>
    </dgm:pt>
    <dgm:pt modelId="{62460972-DB12-44B6-8E35-4A77FB022477}" type="pres">
      <dgm:prSet presAssocID="{144AAF0F-B801-4F20-BC9D-98B0AE2B292A}" presName="vertSpace2a" presStyleCnt="0"/>
      <dgm:spPr/>
    </dgm:pt>
    <dgm:pt modelId="{07A34DB4-559A-4094-9E89-5927192F276F}" type="pres">
      <dgm:prSet presAssocID="{144AAF0F-B801-4F20-BC9D-98B0AE2B292A}" presName="horz2" presStyleCnt="0"/>
      <dgm:spPr/>
    </dgm:pt>
    <dgm:pt modelId="{19346DE0-13D4-47A4-9A4E-6C64C4D3177D}" type="pres">
      <dgm:prSet presAssocID="{144AAF0F-B801-4F20-BC9D-98B0AE2B292A}" presName="horzSpace2" presStyleCnt="0"/>
      <dgm:spPr/>
    </dgm:pt>
    <dgm:pt modelId="{A2764CF0-9378-400D-A454-A3C8C6DF5DA3}" type="pres">
      <dgm:prSet presAssocID="{144AAF0F-B801-4F20-BC9D-98B0AE2B292A}" presName="tx2" presStyleLbl="revTx" presStyleIdx="7" presStyleCnt="20"/>
      <dgm:spPr/>
    </dgm:pt>
    <dgm:pt modelId="{8120FC77-F509-4DE5-98ED-E52EFB05D5E1}" type="pres">
      <dgm:prSet presAssocID="{144AAF0F-B801-4F20-BC9D-98B0AE2B292A}" presName="vert2" presStyleCnt="0"/>
      <dgm:spPr/>
    </dgm:pt>
    <dgm:pt modelId="{94B70E2D-C58A-4F8D-A504-9A1D27EF640D}" type="pres">
      <dgm:prSet presAssocID="{144AAF0F-B801-4F20-BC9D-98B0AE2B292A}" presName="thinLine2b" presStyleLbl="callout" presStyleIdx="4" presStyleCnt="14"/>
      <dgm:spPr/>
    </dgm:pt>
    <dgm:pt modelId="{5B34B8A6-CEF4-41E3-9D71-9FFE8076835E}" type="pres">
      <dgm:prSet presAssocID="{144AAF0F-B801-4F20-BC9D-98B0AE2B292A}" presName="vertSpace2b" presStyleCnt="0"/>
      <dgm:spPr/>
    </dgm:pt>
    <dgm:pt modelId="{D72A2BB2-0276-440C-B0D2-6ECF02769B1F}" type="pres">
      <dgm:prSet presAssocID="{1E139F28-B00F-48A3-A1C4-F81B15D5CF59}" presName="horz2" presStyleCnt="0"/>
      <dgm:spPr/>
    </dgm:pt>
    <dgm:pt modelId="{C4320AFF-7226-433E-B8CC-D8B05F89127B}" type="pres">
      <dgm:prSet presAssocID="{1E139F28-B00F-48A3-A1C4-F81B15D5CF59}" presName="horzSpace2" presStyleCnt="0"/>
      <dgm:spPr/>
    </dgm:pt>
    <dgm:pt modelId="{F526F9D7-7729-484C-BF65-EFEFD4792AE0}" type="pres">
      <dgm:prSet presAssocID="{1E139F28-B00F-48A3-A1C4-F81B15D5CF59}" presName="tx2" presStyleLbl="revTx" presStyleIdx="8" presStyleCnt="20"/>
      <dgm:spPr/>
    </dgm:pt>
    <dgm:pt modelId="{70BF96AF-B886-4C91-8495-B5665489C23E}" type="pres">
      <dgm:prSet presAssocID="{1E139F28-B00F-48A3-A1C4-F81B15D5CF59}" presName="vert2" presStyleCnt="0"/>
      <dgm:spPr/>
    </dgm:pt>
    <dgm:pt modelId="{CCDEB7F1-90D7-4C23-AA2B-30C9CAB427E9}" type="pres">
      <dgm:prSet presAssocID="{1E139F28-B00F-48A3-A1C4-F81B15D5CF59}" presName="thinLine2b" presStyleLbl="callout" presStyleIdx="5" presStyleCnt="14"/>
      <dgm:spPr/>
    </dgm:pt>
    <dgm:pt modelId="{BC4BD703-EF6D-4C4B-B899-C64FE136844C}" type="pres">
      <dgm:prSet presAssocID="{1E139F28-B00F-48A3-A1C4-F81B15D5CF59}" presName="vertSpace2b" presStyleCnt="0"/>
      <dgm:spPr/>
    </dgm:pt>
    <dgm:pt modelId="{850B99D6-98A0-4D40-AD05-9BE3D2B13728}" type="pres">
      <dgm:prSet presAssocID="{1930414F-DE18-4AB4-AA44-DE4469A064B0}" presName="horz2" presStyleCnt="0"/>
      <dgm:spPr/>
    </dgm:pt>
    <dgm:pt modelId="{C785DA0B-4D9D-41F2-9598-C33491639DD5}" type="pres">
      <dgm:prSet presAssocID="{1930414F-DE18-4AB4-AA44-DE4469A064B0}" presName="horzSpace2" presStyleCnt="0"/>
      <dgm:spPr/>
    </dgm:pt>
    <dgm:pt modelId="{2280FC5C-9635-4378-8A5B-DE14B351D077}" type="pres">
      <dgm:prSet presAssocID="{1930414F-DE18-4AB4-AA44-DE4469A064B0}" presName="tx2" presStyleLbl="revTx" presStyleIdx="9" presStyleCnt="20"/>
      <dgm:spPr/>
    </dgm:pt>
    <dgm:pt modelId="{DAF5AA78-BD33-40E0-BAB3-14371F8FF684}" type="pres">
      <dgm:prSet presAssocID="{1930414F-DE18-4AB4-AA44-DE4469A064B0}" presName="vert2" presStyleCnt="0"/>
      <dgm:spPr/>
    </dgm:pt>
    <dgm:pt modelId="{33E9450C-A1EA-49D5-9AE4-B7165F7614D5}" type="pres">
      <dgm:prSet presAssocID="{1930414F-DE18-4AB4-AA44-DE4469A064B0}" presName="thinLine2b" presStyleLbl="callout" presStyleIdx="6" presStyleCnt="14"/>
      <dgm:spPr/>
    </dgm:pt>
    <dgm:pt modelId="{D4D39BD9-FF2F-4A61-B0FA-A6FA0CB9099D}" type="pres">
      <dgm:prSet presAssocID="{1930414F-DE18-4AB4-AA44-DE4469A064B0}" presName="vertSpace2b" presStyleCnt="0"/>
      <dgm:spPr/>
    </dgm:pt>
    <dgm:pt modelId="{43721798-8AA9-4093-897B-CC4CED60D368}" type="pres">
      <dgm:prSet presAssocID="{D80E79F8-D007-436A-8697-F9CF8CF2EA4A}" presName="thickLine" presStyleLbl="alignNode1" presStyleIdx="3" presStyleCnt="6"/>
      <dgm:spPr/>
    </dgm:pt>
    <dgm:pt modelId="{409FF8E3-DA13-4F01-B78F-C1EDAAE06ED2}" type="pres">
      <dgm:prSet presAssocID="{D80E79F8-D007-436A-8697-F9CF8CF2EA4A}" presName="horz1" presStyleCnt="0"/>
      <dgm:spPr/>
    </dgm:pt>
    <dgm:pt modelId="{DCFAF1EE-96D0-4B66-A898-A4AAA4CE6580}" type="pres">
      <dgm:prSet presAssocID="{D80E79F8-D007-436A-8697-F9CF8CF2EA4A}" presName="tx1" presStyleLbl="revTx" presStyleIdx="10" presStyleCnt="20"/>
      <dgm:spPr/>
    </dgm:pt>
    <dgm:pt modelId="{870F2F8B-5BC7-4408-8379-365FCC0FBC78}" type="pres">
      <dgm:prSet presAssocID="{D80E79F8-D007-436A-8697-F9CF8CF2EA4A}" presName="vert1" presStyleCnt="0"/>
      <dgm:spPr/>
    </dgm:pt>
    <dgm:pt modelId="{20A22DD0-DA3E-46FF-8D82-6B67BA52BE94}" type="pres">
      <dgm:prSet presAssocID="{75409D84-02AE-485F-B5DF-5167218813ED}" presName="vertSpace2a" presStyleCnt="0"/>
      <dgm:spPr/>
    </dgm:pt>
    <dgm:pt modelId="{EC202E69-8466-4AD4-B2A0-7776DA0DAF36}" type="pres">
      <dgm:prSet presAssocID="{75409D84-02AE-485F-B5DF-5167218813ED}" presName="horz2" presStyleCnt="0"/>
      <dgm:spPr/>
    </dgm:pt>
    <dgm:pt modelId="{37324799-48C9-416A-AE23-D69CAE2F900F}" type="pres">
      <dgm:prSet presAssocID="{75409D84-02AE-485F-B5DF-5167218813ED}" presName="horzSpace2" presStyleCnt="0"/>
      <dgm:spPr/>
    </dgm:pt>
    <dgm:pt modelId="{11E39BEC-DCA6-4EAA-946E-F3F281CB052D}" type="pres">
      <dgm:prSet presAssocID="{75409D84-02AE-485F-B5DF-5167218813ED}" presName="tx2" presStyleLbl="revTx" presStyleIdx="11" presStyleCnt="20"/>
      <dgm:spPr/>
    </dgm:pt>
    <dgm:pt modelId="{5C265B92-914D-48F8-8E05-286DD5C26711}" type="pres">
      <dgm:prSet presAssocID="{75409D84-02AE-485F-B5DF-5167218813ED}" presName="vert2" presStyleCnt="0"/>
      <dgm:spPr/>
    </dgm:pt>
    <dgm:pt modelId="{8A4AC2DB-A462-4516-BD38-E2B772ED33A0}" type="pres">
      <dgm:prSet presAssocID="{75409D84-02AE-485F-B5DF-5167218813ED}" presName="thinLine2b" presStyleLbl="callout" presStyleIdx="7" presStyleCnt="14"/>
      <dgm:spPr/>
    </dgm:pt>
    <dgm:pt modelId="{5134A97F-38F6-448E-AD8D-4571E9D1FAD4}" type="pres">
      <dgm:prSet presAssocID="{75409D84-02AE-485F-B5DF-5167218813ED}" presName="vertSpace2b" presStyleCnt="0"/>
      <dgm:spPr/>
    </dgm:pt>
    <dgm:pt modelId="{85059309-FF64-42A6-B522-039AD969D0ED}" type="pres">
      <dgm:prSet presAssocID="{429B60BE-5F9F-4DCB-B8A5-5BD513CE1939}" presName="horz2" presStyleCnt="0"/>
      <dgm:spPr/>
    </dgm:pt>
    <dgm:pt modelId="{4E39988A-F4BB-43BC-9DC2-D05B0E3EAA2A}" type="pres">
      <dgm:prSet presAssocID="{429B60BE-5F9F-4DCB-B8A5-5BD513CE1939}" presName="horzSpace2" presStyleCnt="0"/>
      <dgm:spPr/>
    </dgm:pt>
    <dgm:pt modelId="{EEDF6214-89CB-4B90-984B-08F164AB05CE}" type="pres">
      <dgm:prSet presAssocID="{429B60BE-5F9F-4DCB-B8A5-5BD513CE1939}" presName="tx2" presStyleLbl="revTx" presStyleIdx="12" presStyleCnt="20"/>
      <dgm:spPr/>
    </dgm:pt>
    <dgm:pt modelId="{D57511B0-353A-4961-8C05-A258A27BF1B9}" type="pres">
      <dgm:prSet presAssocID="{429B60BE-5F9F-4DCB-B8A5-5BD513CE1939}" presName="vert2" presStyleCnt="0"/>
      <dgm:spPr/>
    </dgm:pt>
    <dgm:pt modelId="{981D23F5-E868-4311-A273-9A76AC585E61}" type="pres">
      <dgm:prSet presAssocID="{429B60BE-5F9F-4DCB-B8A5-5BD513CE1939}" presName="thinLine2b" presStyleLbl="callout" presStyleIdx="8" presStyleCnt="14"/>
      <dgm:spPr/>
    </dgm:pt>
    <dgm:pt modelId="{D63FD1C1-84DC-441D-A68C-8A08679503FE}" type="pres">
      <dgm:prSet presAssocID="{429B60BE-5F9F-4DCB-B8A5-5BD513CE1939}" presName="vertSpace2b" presStyleCnt="0"/>
      <dgm:spPr/>
    </dgm:pt>
    <dgm:pt modelId="{2930BBFB-20AA-482C-9818-982F741DDF47}" type="pres">
      <dgm:prSet presAssocID="{D4F2F4BE-C161-46D8-9E3C-10B487D0B1E4}" presName="horz2" presStyleCnt="0"/>
      <dgm:spPr/>
    </dgm:pt>
    <dgm:pt modelId="{B18356B7-ACCC-4630-B0C6-ADB40C1B48B1}" type="pres">
      <dgm:prSet presAssocID="{D4F2F4BE-C161-46D8-9E3C-10B487D0B1E4}" presName="horzSpace2" presStyleCnt="0"/>
      <dgm:spPr/>
    </dgm:pt>
    <dgm:pt modelId="{467850BE-6D95-4F73-900E-B8EC11093925}" type="pres">
      <dgm:prSet presAssocID="{D4F2F4BE-C161-46D8-9E3C-10B487D0B1E4}" presName="tx2" presStyleLbl="revTx" presStyleIdx="13" presStyleCnt="20"/>
      <dgm:spPr/>
    </dgm:pt>
    <dgm:pt modelId="{2C6DA2BF-2623-4D7B-862E-FFA6CB3CFBF3}" type="pres">
      <dgm:prSet presAssocID="{D4F2F4BE-C161-46D8-9E3C-10B487D0B1E4}" presName="vert2" presStyleCnt="0"/>
      <dgm:spPr/>
    </dgm:pt>
    <dgm:pt modelId="{3ADF99AD-B22F-4CAF-94C4-7BD7011D9085}" type="pres">
      <dgm:prSet presAssocID="{D4F2F4BE-C161-46D8-9E3C-10B487D0B1E4}" presName="thinLine2b" presStyleLbl="callout" presStyleIdx="9" presStyleCnt="14"/>
      <dgm:spPr/>
    </dgm:pt>
    <dgm:pt modelId="{985376E9-9E69-4EA0-9289-086FE2C19220}" type="pres">
      <dgm:prSet presAssocID="{D4F2F4BE-C161-46D8-9E3C-10B487D0B1E4}" presName="vertSpace2b" presStyleCnt="0"/>
      <dgm:spPr/>
    </dgm:pt>
    <dgm:pt modelId="{A3612D0E-7C2B-4F80-B993-4274C65CF94D}" type="pres">
      <dgm:prSet presAssocID="{9D7D17EE-642D-4EE7-B825-B76A1C88D523}" presName="thickLine" presStyleLbl="alignNode1" presStyleIdx="4" presStyleCnt="6"/>
      <dgm:spPr/>
    </dgm:pt>
    <dgm:pt modelId="{0EBD88B2-F516-4C61-B173-E57081889B44}" type="pres">
      <dgm:prSet presAssocID="{9D7D17EE-642D-4EE7-B825-B76A1C88D523}" presName="horz1" presStyleCnt="0"/>
      <dgm:spPr/>
    </dgm:pt>
    <dgm:pt modelId="{728695A8-A884-4AD2-B585-DFC3DED08445}" type="pres">
      <dgm:prSet presAssocID="{9D7D17EE-642D-4EE7-B825-B76A1C88D523}" presName="tx1" presStyleLbl="revTx" presStyleIdx="14" presStyleCnt="20"/>
      <dgm:spPr/>
    </dgm:pt>
    <dgm:pt modelId="{C1C6EA32-D092-4545-99E4-6B08579BA9DC}" type="pres">
      <dgm:prSet presAssocID="{9D7D17EE-642D-4EE7-B825-B76A1C88D523}" presName="vert1" presStyleCnt="0"/>
      <dgm:spPr/>
    </dgm:pt>
    <dgm:pt modelId="{3C180AF5-7686-4A3B-942E-A57B89DB980E}" type="pres">
      <dgm:prSet presAssocID="{F69EB7D3-2E71-4030-9C30-1D27BB211CAC}" presName="vertSpace2a" presStyleCnt="0"/>
      <dgm:spPr/>
    </dgm:pt>
    <dgm:pt modelId="{44DC9AA4-ED64-4DC5-80F6-DBE9B61D7819}" type="pres">
      <dgm:prSet presAssocID="{F69EB7D3-2E71-4030-9C30-1D27BB211CAC}" presName="horz2" presStyleCnt="0"/>
      <dgm:spPr/>
    </dgm:pt>
    <dgm:pt modelId="{483CD53B-25ED-46DD-B624-0F66B0173D6F}" type="pres">
      <dgm:prSet presAssocID="{F69EB7D3-2E71-4030-9C30-1D27BB211CAC}" presName="horzSpace2" presStyleCnt="0"/>
      <dgm:spPr/>
    </dgm:pt>
    <dgm:pt modelId="{A107924A-51FE-4C0D-8217-FDF97B60385D}" type="pres">
      <dgm:prSet presAssocID="{F69EB7D3-2E71-4030-9C30-1D27BB211CAC}" presName="tx2" presStyleLbl="revTx" presStyleIdx="15" presStyleCnt="20"/>
      <dgm:spPr/>
    </dgm:pt>
    <dgm:pt modelId="{B1D8BD4F-FCB3-4A99-9916-12ACC1BEB877}" type="pres">
      <dgm:prSet presAssocID="{F69EB7D3-2E71-4030-9C30-1D27BB211CAC}" presName="vert2" presStyleCnt="0"/>
      <dgm:spPr/>
    </dgm:pt>
    <dgm:pt modelId="{CFC63584-8A3F-4D46-A1F4-38C21C62BE6D}" type="pres">
      <dgm:prSet presAssocID="{F69EB7D3-2E71-4030-9C30-1D27BB211CAC}" presName="thinLine2b" presStyleLbl="callout" presStyleIdx="10" presStyleCnt="14"/>
      <dgm:spPr/>
    </dgm:pt>
    <dgm:pt modelId="{E1791D1F-BE0C-4D55-B90E-986AE5333CF4}" type="pres">
      <dgm:prSet presAssocID="{F69EB7D3-2E71-4030-9C30-1D27BB211CAC}" presName="vertSpace2b" presStyleCnt="0"/>
      <dgm:spPr/>
    </dgm:pt>
    <dgm:pt modelId="{1A8DE974-2B7F-4F59-9386-C2E8C3BB0CC0}" type="pres">
      <dgm:prSet presAssocID="{1076FE5E-641C-440C-92EE-39BBC5DABF6E}" presName="horz2" presStyleCnt="0"/>
      <dgm:spPr/>
    </dgm:pt>
    <dgm:pt modelId="{B82D43A8-0AB1-47D8-917B-AD65FB538358}" type="pres">
      <dgm:prSet presAssocID="{1076FE5E-641C-440C-92EE-39BBC5DABF6E}" presName="horzSpace2" presStyleCnt="0"/>
      <dgm:spPr/>
    </dgm:pt>
    <dgm:pt modelId="{A4CC81E8-C323-4A8D-A70D-839D1F1BD4CA}" type="pres">
      <dgm:prSet presAssocID="{1076FE5E-641C-440C-92EE-39BBC5DABF6E}" presName="tx2" presStyleLbl="revTx" presStyleIdx="16" presStyleCnt="20"/>
      <dgm:spPr/>
    </dgm:pt>
    <dgm:pt modelId="{AA89C511-1A47-46BB-8B52-900BA403696A}" type="pres">
      <dgm:prSet presAssocID="{1076FE5E-641C-440C-92EE-39BBC5DABF6E}" presName="vert2" presStyleCnt="0"/>
      <dgm:spPr/>
    </dgm:pt>
    <dgm:pt modelId="{A980988D-C3BC-4318-A280-A43B35476BB2}" type="pres">
      <dgm:prSet presAssocID="{1076FE5E-641C-440C-92EE-39BBC5DABF6E}" presName="thinLine2b" presStyleLbl="callout" presStyleIdx="11" presStyleCnt="14"/>
      <dgm:spPr/>
    </dgm:pt>
    <dgm:pt modelId="{460B278E-CE4D-4BD0-BCEF-A5B3FFDD2BEC}" type="pres">
      <dgm:prSet presAssocID="{1076FE5E-641C-440C-92EE-39BBC5DABF6E}" presName="vertSpace2b" presStyleCnt="0"/>
      <dgm:spPr/>
    </dgm:pt>
    <dgm:pt modelId="{F6D7E44E-42E3-4C40-A872-518A9AB9A206}" type="pres">
      <dgm:prSet presAssocID="{399BD40C-6293-4FC1-BF23-2C7FFFBA19E6}" presName="thickLine" presStyleLbl="alignNode1" presStyleIdx="5" presStyleCnt="6"/>
      <dgm:spPr/>
    </dgm:pt>
    <dgm:pt modelId="{D7D0D58A-141E-47C9-AD79-2E8E31ADCE99}" type="pres">
      <dgm:prSet presAssocID="{399BD40C-6293-4FC1-BF23-2C7FFFBA19E6}" presName="horz1" presStyleCnt="0"/>
      <dgm:spPr/>
    </dgm:pt>
    <dgm:pt modelId="{83BD6985-5358-4045-9603-31E63A12FE8D}" type="pres">
      <dgm:prSet presAssocID="{399BD40C-6293-4FC1-BF23-2C7FFFBA19E6}" presName="tx1" presStyleLbl="revTx" presStyleIdx="17" presStyleCnt="20"/>
      <dgm:spPr/>
    </dgm:pt>
    <dgm:pt modelId="{659BD954-9136-4FCE-856E-E40B2FC61956}" type="pres">
      <dgm:prSet presAssocID="{399BD40C-6293-4FC1-BF23-2C7FFFBA19E6}" presName="vert1" presStyleCnt="0"/>
      <dgm:spPr/>
    </dgm:pt>
    <dgm:pt modelId="{20ED5BE6-7294-45C7-B67C-FE08E11A6B28}" type="pres">
      <dgm:prSet presAssocID="{347568F4-446B-4C84-B70D-B4A64F320688}" presName="vertSpace2a" presStyleCnt="0"/>
      <dgm:spPr/>
    </dgm:pt>
    <dgm:pt modelId="{85EE2280-D805-4C59-904E-811058B4529F}" type="pres">
      <dgm:prSet presAssocID="{347568F4-446B-4C84-B70D-B4A64F320688}" presName="horz2" presStyleCnt="0"/>
      <dgm:spPr/>
    </dgm:pt>
    <dgm:pt modelId="{8AE89C2A-2E44-4AFE-9F48-9A05554B0A53}" type="pres">
      <dgm:prSet presAssocID="{347568F4-446B-4C84-B70D-B4A64F320688}" presName="horzSpace2" presStyleCnt="0"/>
      <dgm:spPr/>
    </dgm:pt>
    <dgm:pt modelId="{2F4345AC-9E11-4110-BF2C-CC3440BF4664}" type="pres">
      <dgm:prSet presAssocID="{347568F4-446B-4C84-B70D-B4A64F320688}" presName="tx2" presStyleLbl="revTx" presStyleIdx="18" presStyleCnt="20"/>
      <dgm:spPr/>
    </dgm:pt>
    <dgm:pt modelId="{6952DABC-31B6-4B30-9876-7ECE51AFFCCB}" type="pres">
      <dgm:prSet presAssocID="{347568F4-446B-4C84-B70D-B4A64F320688}" presName="vert2" presStyleCnt="0"/>
      <dgm:spPr/>
    </dgm:pt>
    <dgm:pt modelId="{3F9A475F-2AC4-4BF5-A8E6-8ED2B00A8286}" type="pres">
      <dgm:prSet presAssocID="{347568F4-446B-4C84-B70D-B4A64F320688}" presName="thinLine2b" presStyleLbl="callout" presStyleIdx="12" presStyleCnt="14"/>
      <dgm:spPr/>
    </dgm:pt>
    <dgm:pt modelId="{DD78F442-2164-4E44-8B25-C3E58CE62BDC}" type="pres">
      <dgm:prSet presAssocID="{347568F4-446B-4C84-B70D-B4A64F320688}" presName="vertSpace2b" presStyleCnt="0"/>
      <dgm:spPr/>
    </dgm:pt>
    <dgm:pt modelId="{B0E19992-B390-47AF-973A-97E07C15E4F4}" type="pres">
      <dgm:prSet presAssocID="{1DBF350C-5F7C-4750-908E-0F33E6679437}" presName="horz2" presStyleCnt="0"/>
      <dgm:spPr/>
    </dgm:pt>
    <dgm:pt modelId="{4E58B835-E956-463C-935D-2CE1E4AE6EC3}" type="pres">
      <dgm:prSet presAssocID="{1DBF350C-5F7C-4750-908E-0F33E6679437}" presName="horzSpace2" presStyleCnt="0"/>
      <dgm:spPr/>
    </dgm:pt>
    <dgm:pt modelId="{F6504C8F-6C33-48E5-929A-C2A5C9AC5B10}" type="pres">
      <dgm:prSet presAssocID="{1DBF350C-5F7C-4750-908E-0F33E6679437}" presName="tx2" presStyleLbl="revTx" presStyleIdx="19" presStyleCnt="20"/>
      <dgm:spPr/>
    </dgm:pt>
    <dgm:pt modelId="{52D01C2A-47FF-4D76-855C-7264CF5F8F66}" type="pres">
      <dgm:prSet presAssocID="{1DBF350C-5F7C-4750-908E-0F33E6679437}" presName="vert2" presStyleCnt="0"/>
      <dgm:spPr/>
    </dgm:pt>
    <dgm:pt modelId="{1CEB5678-9939-45E7-B6AD-4822D788B28C}" type="pres">
      <dgm:prSet presAssocID="{1DBF350C-5F7C-4750-908E-0F33E6679437}" presName="thinLine2b" presStyleLbl="callout" presStyleIdx="13" presStyleCnt="14"/>
      <dgm:spPr/>
    </dgm:pt>
    <dgm:pt modelId="{CD28CC9C-70FA-4573-B23E-2EC1C0DCDA8A}" type="pres">
      <dgm:prSet presAssocID="{1DBF350C-5F7C-4750-908E-0F33E6679437}" presName="vertSpace2b" presStyleCnt="0"/>
      <dgm:spPr/>
    </dgm:pt>
  </dgm:ptLst>
  <dgm:cxnLst>
    <dgm:cxn modelId="{D2329008-33B2-4176-A042-9388E7E08C51}" type="presOf" srcId="{826C2FBF-9D8D-4054-A972-1C7C7CC65698}" destId="{CC759A12-CDB9-47DD-9BDC-900E38B4F259}" srcOrd="0" destOrd="0" presId="urn:microsoft.com/office/officeart/2008/layout/LinedList"/>
    <dgm:cxn modelId="{EBF31209-1730-439E-B422-378E8851E7B8}" srcId="{D80E79F8-D007-436A-8697-F9CF8CF2EA4A}" destId="{429B60BE-5F9F-4DCB-B8A5-5BD513CE1939}" srcOrd="1" destOrd="0" parTransId="{29B0E23C-C979-4B87-B137-129627C4115F}" sibTransId="{DCD8CB78-1B09-4501-8D0E-1AC6D607E640}"/>
    <dgm:cxn modelId="{27229B0F-5187-4BED-8E5C-2C88D988C3AF}" type="presOf" srcId="{2BE4AE0E-9016-4BF4-9E3A-73F6404DCDF6}" destId="{3AFC6DF5-EF85-4F06-8EC9-CD2B3B025A5B}" srcOrd="0" destOrd="0" presId="urn:microsoft.com/office/officeart/2008/layout/LinedList"/>
    <dgm:cxn modelId="{B10AE80F-DA41-4B45-A0DF-EB7E0CE30FF0}" type="presOf" srcId="{D80E79F8-D007-436A-8697-F9CF8CF2EA4A}" destId="{DCFAF1EE-96D0-4B66-A898-A4AAA4CE6580}" srcOrd="0" destOrd="0" presId="urn:microsoft.com/office/officeart/2008/layout/LinedList"/>
    <dgm:cxn modelId="{C1707712-0C84-4DBB-A934-B84DF58176F8}" type="presOf" srcId="{78C4EAD3-6FAE-4F1D-A692-F311B0322A1B}" destId="{8C42BDB7-AFE0-474C-8425-6E2B264BF88D}" srcOrd="0" destOrd="0" presId="urn:microsoft.com/office/officeart/2008/layout/LinedList"/>
    <dgm:cxn modelId="{28074418-B977-4C50-9C84-9712AC61BECC}" srcId="{2BE4AE0E-9016-4BF4-9E3A-73F6404DCDF6}" destId="{F08AA4A1-4414-4F09-BDEB-1091781C851F}" srcOrd="1" destOrd="0" parTransId="{B598EE6C-E0DF-4872-BED3-E81ED9C4135A}" sibTransId="{7FF1C263-02C5-42E5-81E2-8E8CE071C714}"/>
    <dgm:cxn modelId="{81287E1F-4AAF-44CE-80AB-C101D3194612}" srcId="{D80E79F8-D007-436A-8697-F9CF8CF2EA4A}" destId="{D4F2F4BE-C161-46D8-9E3C-10B487D0B1E4}" srcOrd="2" destOrd="0" parTransId="{9EE72468-0679-4652-B169-BEB922121546}" sibTransId="{AF30F6B7-1CF3-4732-8A75-0D85DAFE9353}"/>
    <dgm:cxn modelId="{C4504E25-75EF-42CD-9FF0-115A4067C9CB}" type="presOf" srcId="{399BD40C-6293-4FC1-BF23-2C7FFFBA19E6}" destId="{83BD6985-5358-4045-9603-31E63A12FE8D}" srcOrd="0" destOrd="0" presId="urn:microsoft.com/office/officeart/2008/layout/LinedList"/>
    <dgm:cxn modelId="{DD453C26-4DB0-4846-9BDB-29002939D3AF}" srcId="{9D7D17EE-642D-4EE7-B825-B76A1C88D523}" destId="{F69EB7D3-2E71-4030-9C30-1D27BB211CAC}" srcOrd="0" destOrd="0" parTransId="{33CAB942-F318-4FB6-94F3-2A0BE502DDDE}" sibTransId="{9217F9E6-D100-4A67-BF36-80435F5B6C51}"/>
    <dgm:cxn modelId="{439FA42A-D49A-4782-AAD3-2F0493F13AF1}" type="presOf" srcId="{144AAF0F-B801-4F20-BC9D-98B0AE2B292A}" destId="{A2764CF0-9378-400D-A454-A3C8C6DF5DA3}" srcOrd="0" destOrd="0" presId="urn:microsoft.com/office/officeart/2008/layout/LinedList"/>
    <dgm:cxn modelId="{22069335-684C-4D77-8495-7DFC2EA73336}" type="presOf" srcId="{09C30275-5D5F-409E-BC66-43AA49E62463}" destId="{D3C3489E-0E87-4EF0-ABDE-321DD39C31FB}" srcOrd="0" destOrd="0" presId="urn:microsoft.com/office/officeart/2008/layout/LinedList"/>
    <dgm:cxn modelId="{7ED60336-4A17-4873-8121-7CC63776C8B4}" srcId="{09C30275-5D5F-409E-BC66-43AA49E62463}" destId="{78C4EAD3-6FAE-4F1D-A692-F311B0322A1B}" srcOrd="0" destOrd="0" parTransId="{14B2F519-5A55-4292-B723-F8584DC2067C}" sibTransId="{773A0834-4723-4C3B-87EA-D0D12BAF4CB5}"/>
    <dgm:cxn modelId="{C16C8A3F-922C-4AEB-BF45-C38E06E38C58}" srcId="{766F537B-9F91-47C6-B3ED-5CEDE09CEA0D}" destId="{D80E79F8-D007-436A-8697-F9CF8CF2EA4A}" srcOrd="3" destOrd="0" parTransId="{FC718BF5-022B-4DB3-A6F4-F2FD1512215A}" sibTransId="{3AD13634-B43C-4815-ABA1-AEBA93B98497}"/>
    <dgm:cxn modelId="{C5B0D35B-6FC7-420A-B796-05EF3CD596C9}" srcId="{766F537B-9F91-47C6-B3ED-5CEDE09CEA0D}" destId="{09C30275-5D5F-409E-BC66-43AA49E62463}" srcOrd="0" destOrd="0" parTransId="{9CFE8DCF-0A1F-4ABB-86CB-3B302E474DDB}" sibTransId="{E56D6F57-598F-4D58-B459-4BFB0AAEBCE0}"/>
    <dgm:cxn modelId="{6A25F25D-BC8B-45E7-945C-B878F8CDD99E}" type="presOf" srcId="{D4F2F4BE-C161-46D8-9E3C-10B487D0B1E4}" destId="{467850BE-6D95-4F73-900E-B8EC11093925}" srcOrd="0" destOrd="0" presId="urn:microsoft.com/office/officeart/2008/layout/LinedList"/>
    <dgm:cxn modelId="{14462C42-E788-4AF7-884A-2E118FBE7114}" type="presOf" srcId="{F30D0E6B-B11C-4598-9867-8D37BDEDFE5E}" destId="{8094C347-67F1-4FE9-B1DE-38A10C1A3792}" srcOrd="0" destOrd="0" presId="urn:microsoft.com/office/officeart/2008/layout/LinedList"/>
    <dgm:cxn modelId="{69A37645-80D3-406E-8657-A9961032CABE}" type="presOf" srcId="{347568F4-446B-4C84-B70D-B4A64F320688}" destId="{2F4345AC-9E11-4110-BF2C-CC3440BF4664}" srcOrd="0" destOrd="0" presId="urn:microsoft.com/office/officeart/2008/layout/LinedList"/>
    <dgm:cxn modelId="{05D6CB49-AD86-42E4-AFA8-787C07CC2028}" type="presOf" srcId="{1E139F28-B00F-48A3-A1C4-F81B15D5CF59}" destId="{F526F9D7-7729-484C-BF65-EFEFD4792AE0}" srcOrd="0" destOrd="0" presId="urn:microsoft.com/office/officeart/2008/layout/LinedList"/>
    <dgm:cxn modelId="{4D77334D-59CD-42FB-8559-F04DD508E101}" srcId="{09C30275-5D5F-409E-BC66-43AA49E62463}" destId="{826C2FBF-9D8D-4054-A972-1C7C7CC65698}" srcOrd="1" destOrd="0" parTransId="{19087EB6-B11F-4266-AAB3-1B1997E931AC}" sibTransId="{4C552126-8FF1-43CF-BC8B-B723E6393EE2}"/>
    <dgm:cxn modelId="{65ADAC4D-099F-4001-945D-55B261E5CC21}" type="presOf" srcId="{9D7D17EE-642D-4EE7-B825-B76A1C88D523}" destId="{728695A8-A884-4AD2-B585-DFC3DED08445}" srcOrd="0" destOrd="0" presId="urn:microsoft.com/office/officeart/2008/layout/LinedList"/>
    <dgm:cxn modelId="{E871584E-244E-4552-9107-7B867A0B98DA}" srcId="{766F537B-9F91-47C6-B3ED-5CEDE09CEA0D}" destId="{2BE4AE0E-9016-4BF4-9E3A-73F6404DCDF6}" srcOrd="1" destOrd="0" parTransId="{58294E70-51AB-4FA3-9CF8-8744EFD14643}" sibTransId="{5A2959D7-E9A9-4F64-B751-86FC4C8EE641}"/>
    <dgm:cxn modelId="{71BDFA50-AE60-47B6-B50C-5DE31BF1805D}" type="presOf" srcId="{766F537B-9F91-47C6-B3ED-5CEDE09CEA0D}" destId="{CD344B7C-3CA6-4191-AADF-B188629A540B}" srcOrd="0" destOrd="0" presId="urn:microsoft.com/office/officeart/2008/layout/LinedList"/>
    <dgm:cxn modelId="{3E777659-E642-41A5-BEA7-88A3E4EBD4A9}" type="presOf" srcId="{F69EB7D3-2E71-4030-9C30-1D27BB211CAC}" destId="{A107924A-51FE-4C0D-8217-FDF97B60385D}" srcOrd="0" destOrd="0" presId="urn:microsoft.com/office/officeart/2008/layout/LinedList"/>
    <dgm:cxn modelId="{DF1FEF80-D7A7-424D-B616-A8A3AD935CC8}" srcId="{399BD40C-6293-4FC1-BF23-2C7FFFBA19E6}" destId="{1DBF350C-5F7C-4750-908E-0F33E6679437}" srcOrd="1" destOrd="0" parTransId="{3E1F4DE2-EF05-472E-A4EA-ABA4C4B75D16}" sibTransId="{91E190FF-57B3-4BC4-B819-9660AD7159A8}"/>
    <dgm:cxn modelId="{AFD9FB8A-FC55-4105-B22D-0D923717CC64}" type="presOf" srcId="{79C88DF8-042F-465C-B191-7C3E8527C2F0}" destId="{A1BA576E-2C9E-4E93-B4BE-08A9C930D2FD}" srcOrd="0" destOrd="0" presId="urn:microsoft.com/office/officeart/2008/layout/LinedList"/>
    <dgm:cxn modelId="{F833898C-DFF6-4002-A440-291CB144487D}" srcId="{766F537B-9F91-47C6-B3ED-5CEDE09CEA0D}" destId="{399BD40C-6293-4FC1-BF23-2C7FFFBA19E6}" srcOrd="5" destOrd="0" parTransId="{04B49DA9-91AB-4D5C-B9FE-52AAB1B8D26B}" sibTransId="{E2DC1F43-573F-4B77-8DAF-FD7197C99281}"/>
    <dgm:cxn modelId="{B4057D92-14EC-4984-ABE2-812F44770098}" type="presOf" srcId="{429B60BE-5F9F-4DCB-B8A5-5BD513CE1939}" destId="{EEDF6214-89CB-4B90-984B-08F164AB05CE}" srcOrd="0" destOrd="0" presId="urn:microsoft.com/office/officeart/2008/layout/LinedList"/>
    <dgm:cxn modelId="{6729669F-20A7-415A-9633-E62B22B2A182}" srcId="{D80E79F8-D007-436A-8697-F9CF8CF2EA4A}" destId="{75409D84-02AE-485F-B5DF-5167218813ED}" srcOrd="0" destOrd="0" parTransId="{390FAED9-65D7-446C-B12E-9A48C39F9FDC}" sibTransId="{54C7567E-693B-4267-9D0D-316835974F9C}"/>
    <dgm:cxn modelId="{0CD756A6-562A-41F0-B564-AAD21A7D66CE}" srcId="{2BE4AE0E-9016-4BF4-9E3A-73F6404DCDF6}" destId="{79C88DF8-042F-465C-B191-7C3E8527C2F0}" srcOrd="0" destOrd="0" parTransId="{7EDF9AE9-33FD-4EA0-A1ED-8FA2917F546E}" sibTransId="{75012A66-1D38-40BA-849D-7C0AB7DFF29C}"/>
    <dgm:cxn modelId="{07D1F4A6-8168-43F0-8550-3B1D7B9F9882}" srcId="{399BD40C-6293-4FC1-BF23-2C7FFFBA19E6}" destId="{347568F4-446B-4C84-B70D-B4A64F320688}" srcOrd="0" destOrd="0" parTransId="{90C0E7F8-B828-4AB9-8CF6-E0EB64CFBCF4}" sibTransId="{F66C6896-F35E-45EB-BE13-70975E4DB70C}"/>
    <dgm:cxn modelId="{DD7444B3-A67D-49BF-9A49-B7BA9C4ABF42}" srcId="{F30D0E6B-B11C-4598-9867-8D37BDEDFE5E}" destId="{144AAF0F-B801-4F20-BC9D-98B0AE2B292A}" srcOrd="0" destOrd="0" parTransId="{1BBF6989-7387-4C8E-915A-EA34C31F564D}" sibTransId="{0CEDFA49-4502-4189-BE8A-FDAB9A69C006}"/>
    <dgm:cxn modelId="{D2D15FBA-7357-4CF4-AF80-B0E82929684F}" type="presOf" srcId="{1076FE5E-641C-440C-92EE-39BBC5DABF6E}" destId="{A4CC81E8-C323-4A8D-A70D-839D1F1BD4CA}" srcOrd="0" destOrd="0" presId="urn:microsoft.com/office/officeart/2008/layout/LinedList"/>
    <dgm:cxn modelId="{B71C80BB-16AF-49E2-839F-70C95CAF8BD6}" srcId="{F30D0E6B-B11C-4598-9867-8D37BDEDFE5E}" destId="{1930414F-DE18-4AB4-AA44-DE4469A064B0}" srcOrd="2" destOrd="0" parTransId="{34E3269B-E01F-48CF-8CD2-0CF6C3BF8659}" sibTransId="{0F7195FA-7FC6-4B54-83E9-C4F774ADBBAC}"/>
    <dgm:cxn modelId="{FF25EDBB-9D55-45C4-8A66-452CB81D8ED3}" srcId="{9D7D17EE-642D-4EE7-B825-B76A1C88D523}" destId="{1076FE5E-641C-440C-92EE-39BBC5DABF6E}" srcOrd="1" destOrd="0" parTransId="{07BC6380-67BA-4303-950B-C90C559E9382}" sibTransId="{4924FFCA-3C5E-473E-AF39-45546C29E9F4}"/>
    <dgm:cxn modelId="{1DA713C4-8F10-4FB9-9815-2882F4A6B7E7}" type="presOf" srcId="{75409D84-02AE-485F-B5DF-5167218813ED}" destId="{11E39BEC-DCA6-4EAA-946E-F3F281CB052D}" srcOrd="0" destOrd="0" presId="urn:microsoft.com/office/officeart/2008/layout/LinedList"/>
    <dgm:cxn modelId="{34F417CD-7C99-4D10-9A3A-5A3A1E5E4093}" srcId="{766F537B-9F91-47C6-B3ED-5CEDE09CEA0D}" destId="{F30D0E6B-B11C-4598-9867-8D37BDEDFE5E}" srcOrd="2" destOrd="0" parTransId="{471D66B8-0B03-4BA4-8E7D-05AD123A66D1}" sibTransId="{E8369ABB-DA73-4B6E-AE3B-6B27A26E4224}"/>
    <dgm:cxn modelId="{A0DAE2DA-EDBA-4A37-9E70-3F74787EA936}" type="presOf" srcId="{F08AA4A1-4414-4F09-BDEB-1091781C851F}" destId="{C814EAED-0190-4F10-8431-A4878C94756D}" srcOrd="0" destOrd="0" presId="urn:microsoft.com/office/officeart/2008/layout/LinedList"/>
    <dgm:cxn modelId="{131A1CDD-239A-4FE5-879F-5C5012124DFE}" type="presOf" srcId="{1DBF350C-5F7C-4750-908E-0F33E6679437}" destId="{F6504C8F-6C33-48E5-929A-C2A5C9AC5B10}" srcOrd="0" destOrd="0" presId="urn:microsoft.com/office/officeart/2008/layout/LinedList"/>
    <dgm:cxn modelId="{1D11A5F5-BDF0-4015-A643-38D69A55D23B}" srcId="{766F537B-9F91-47C6-B3ED-5CEDE09CEA0D}" destId="{9D7D17EE-642D-4EE7-B825-B76A1C88D523}" srcOrd="4" destOrd="0" parTransId="{E56C4280-9315-48CA-9C87-FD4927455734}" sibTransId="{8B14CA20-0C67-42BC-A6D8-65ECF590C014}"/>
    <dgm:cxn modelId="{22A571F8-7485-470A-8741-3F3E6A783F8C}" type="presOf" srcId="{1930414F-DE18-4AB4-AA44-DE4469A064B0}" destId="{2280FC5C-9635-4378-8A5B-DE14B351D077}" srcOrd="0" destOrd="0" presId="urn:microsoft.com/office/officeart/2008/layout/LinedList"/>
    <dgm:cxn modelId="{61128DFD-814E-4CA7-9640-81BC1EFB7120}" srcId="{F30D0E6B-B11C-4598-9867-8D37BDEDFE5E}" destId="{1E139F28-B00F-48A3-A1C4-F81B15D5CF59}" srcOrd="1" destOrd="0" parTransId="{5E74700F-6EDB-40B8-A380-99C210AE4B27}" sibTransId="{1B74D05D-D567-4010-87FC-26724D792931}"/>
    <dgm:cxn modelId="{3A8ABB07-0102-4361-B4BD-D170BE71A3F6}" type="presParOf" srcId="{CD344B7C-3CA6-4191-AADF-B188629A540B}" destId="{AEFC2E2C-5A71-4604-9E63-1212E050FB90}" srcOrd="0" destOrd="0" presId="urn:microsoft.com/office/officeart/2008/layout/LinedList"/>
    <dgm:cxn modelId="{4A5C0F38-125C-47AD-BCB6-46A927ED2880}" type="presParOf" srcId="{CD344B7C-3CA6-4191-AADF-B188629A540B}" destId="{EA13747D-00C0-490E-B48E-B62A585FC32B}" srcOrd="1" destOrd="0" presId="urn:microsoft.com/office/officeart/2008/layout/LinedList"/>
    <dgm:cxn modelId="{70BC5BBC-A4D5-465F-8FE8-F7BB1287BB68}" type="presParOf" srcId="{EA13747D-00C0-490E-B48E-B62A585FC32B}" destId="{D3C3489E-0E87-4EF0-ABDE-321DD39C31FB}" srcOrd="0" destOrd="0" presId="urn:microsoft.com/office/officeart/2008/layout/LinedList"/>
    <dgm:cxn modelId="{D6CF6BDD-EF06-4893-B7D9-33B7BF052744}" type="presParOf" srcId="{EA13747D-00C0-490E-B48E-B62A585FC32B}" destId="{E6DA9385-6D2F-487F-A07E-45064397EB02}" srcOrd="1" destOrd="0" presId="urn:microsoft.com/office/officeart/2008/layout/LinedList"/>
    <dgm:cxn modelId="{25BD0602-B1FB-43AF-8DEF-2B16660CB41D}" type="presParOf" srcId="{E6DA9385-6D2F-487F-A07E-45064397EB02}" destId="{7BD7B691-099C-43C5-A47B-8AA6E2A42542}" srcOrd="0" destOrd="0" presId="urn:microsoft.com/office/officeart/2008/layout/LinedList"/>
    <dgm:cxn modelId="{D7CBF26E-AD18-49F4-A445-2420D8A8C9B1}" type="presParOf" srcId="{E6DA9385-6D2F-487F-A07E-45064397EB02}" destId="{1C5F7CCE-879A-486C-8F18-513B788EAEFB}" srcOrd="1" destOrd="0" presId="urn:microsoft.com/office/officeart/2008/layout/LinedList"/>
    <dgm:cxn modelId="{5A08CA40-853E-4F8A-838E-DB7CBF5A37CD}" type="presParOf" srcId="{1C5F7CCE-879A-486C-8F18-513B788EAEFB}" destId="{5A24885D-EF33-4F45-A0D9-0CA3039FD3F9}" srcOrd="0" destOrd="0" presId="urn:microsoft.com/office/officeart/2008/layout/LinedList"/>
    <dgm:cxn modelId="{13F778EC-C496-494C-A5DB-F288D6384335}" type="presParOf" srcId="{1C5F7CCE-879A-486C-8F18-513B788EAEFB}" destId="{8C42BDB7-AFE0-474C-8425-6E2B264BF88D}" srcOrd="1" destOrd="0" presId="urn:microsoft.com/office/officeart/2008/layout/LinedList"/>
    <dgm:cxn modelId="{85AF821F-8AF4-4FAC-B830-3B01930BDBEF}" type="presParOf" srcId="{1C5F7CCE-879A-486C-8F18-513B788EAEFB}" destId="{F185615F-4DE5-4837-9369-A0A475E61EBE}" srcOrd="2" destOrd="0" presId="urn:microsoft.com/office/officeart/2008/layout/LinedList"/>
    <dgm:cxn modelId="{FCE3ABB3-CA41-4C43-B4B3-01D48E69C5D1}" type="presParOf" srcId="{E6DA9385-6D2F-487F-A07E-45064397EB02}" destId="{9ECA8021-7295-498B-98C1-7280C8C252AB}" srcOrd="2" destOrd="0" presId="urn:microsoft.com/office/officeart/2008/layout/LinedList"/>
    <dgm:cxn modelId="{14632214-8A81-49F6-AE58-A02A91FCF14F}" type="presParOf" srcId="{E6DA9385-6D2F-487F-A07E-45064397EB02}" destId="{0CEEAE93-08ED-43B2-8F67-F9340E83DBC0}" srcOrd="3" destOrd="0" presId="urn:microsoft.com/office/officeart/2008/layout/LinedList"/>
    <dgm:cxn modelId="{9021D776-C253-48C8-AAB1-9952237AFB90}" type="presParOf" srcId="{E6DA9385-6D2F-487F-A07E-45064397EB02}" destId="{0F0D594F-F078-4C87-B631-624DF0566694}" srcOrd="4" destOrd="0" presId="urn:microsoft.com/office/officeart/2008/layout/LinedList"/>
    <dgm:cxn modelId="{EC00816A-DD21-4D7D-8D38-AFB9A989A551}" type="presParOf" srcId="{0F0D594F-F078-4C87-B631-624DF0566694}" destId="{121180C9-B28A-4ADF-AC63-B23E3A851F92}" srcOrd="0" destOrd="0" presId="urn:microsoft.com/office/officeart/2008/layout/LinedList"/>
    <dgm:cxn modelId="{A707BAA3-E078-4E57-BB7D-E17D018E5854}" type="presParOf" srcId="{0F0D594F-F078-4C87-B631-624DF0566694}" destId="{CC759A12-CDB9-47DD-9BDC-900E38B4F259}" srcOrd="1" destOrd="0" presId="urn:microsoft.com/office/officeart/2008/layout/LinedList"/>
    <dgm:cxn modelId="{2CFC20F3-F6AF-4FAD-B7B7-E8A63DC8B428}" type="presParOf" srcId="{0F0D594F-F078-4C87-B631-624DF0566694}" destId="{2F3D866E-1D43-4283-9BA3-A3793B651899}" srcOrd="2" destOrd="0" presId="urn:microsoft.com/office/officeart/2008/layout/LinedList"/>
    <dgm:cxn modelId="{4E1A66D4-979D-42BD-A6F2-BE1717655BEA}" type="presParOf" srcId="{E6DA9385-6D2F-487F-A07E-45064397EB02}" destId="{4D3BDB47-3ED2-4F8A-AA16-47D8EE7381EA}" srcOrd="5" destOrd="0" presId="urn:microsoft.com/office/officeart/2008/layout/LinedList"/>
    <dgm:cxn modelId="{F81E4D44-4835-4DBF-8C6B-5D2A22CBD4B5}" type="presParOf" srcId="{E6DA9385-6D2F-487F-A07E-45064397EB02}" destId="{638FAB9F-B0F0-4C4F-91C0-8D60E2000594}" srcOrd="6" destOrd="0" presId="urn:microsoft.com/office/officeart/2008/layout/LinedList"/>
    <dgm:cxn modelId="{837CECF6-36D2-4D79-A90C-084BE3DF55B8}" type="presParOf" srcId="{CD344B7C-3CA6-4191-AADF-B188629A540B}" destId="{EF8A8A18-E8D5-4265-BCD7-A025E3034E11}" srcOrd="2" destOrd="0" presId="urn:microsoft.com/office/officeart/2008/layout/LinedList"/>
    <dgm:cxn modelId="{8D902D4A-49B8-4924-9BEC-44D5AC9DE309}" type="presParOf" srcId="{CD344B7C-3CA6-4191-AADF-B188629A540B}" destId="{16BDD359-ABAC-42C2-AD11-26FE961272B2}" srcOrd="3" destOrd="0" presId="urn:microsoft.com/office/officeart/2008/layout/LinedList"/>
    <dgm:cxn modelId="{F6C3AC28-FA8B-48C8-A0D4-65747D365464}" type="presParOf" srcId="{16BDD359-ABAC-42C2-AD11-26FE961272B2}" destId="{3AFC6DF5-EF85-4F06-8EC9-CD2B3B025A5B}" srcOrd="0" destOrd="0" presId="urn:microsoft.com/office/officeart/2008/layout/LinedList"/>
    <dgm:cxn modelId="{DE5CB254-A73D-40F7-9030-F6513DC1E9AA}" type="presParOf" srcId="{16BDD359-ABAC-42C2-AD11-26FE961272B2}" destId="{CE9F1DEA-A055-44A5-873D-551566DEA5D3}" srcOrd="1" destOrd="0" presId="urn:microsoft.com/office/officeart/2008/layout/LinedList"/>
    <dgm:cxn modelId="{4EC23D63-827C-4ECF-9ED7-441F4A3EBA87}" type="presParOf" srcId="{CE9F1DEA-A055-44A5-873D-551566DEA5D3}" destId="{4042E626-C3BC-413F-AB74-22183A9B012D}" srcOrd="0" destOrd="0" presId="urn:microsoft.com/office/officeart/2008/layout/LinedList"/>
    <dgm:cxn modelId="{92E8C57F-062A-4D42-A1D8-3C8D12E35AC7}" type="presParOf" srcId="{CE9F1DEA-A055-44A5-873D-551566DEA5D3}" destId="{E0F20D7B-D9B4-44B8-95B2-AC7BD8E65C38}" srcOrd="1" destOrd="0" presId="urn:microsoft.com/office/officeart/2008/layout/LinedList"/>
    <dgm:cxn modelId="{B3059C7C-93DE-478C-A166-DFF8A956B6C8}" type="presParOf" srcId="{E0F20D7B-D9B4-44B8-95B2-AC7BD8E65C38}" destId="{FA935DD0-C2FF-462B-853A-5394CB7A5666}" srcOrd="0" destOrd="0" presId="urn:microsoft.com/office/officeart/2008/layout/LinedList"/>
    <dgm:cxn modelId="{F992ECDB-ADBA-4A44-B555-5ADB26720623}" type="presParOf" srcId="{E0F20D7B-D9B4-44B8-95B2-AC7BD8E65C38}" destId="{A1BA576E-2C9E-4E93-B4BE-08A9C930D2FD}" srcOrd="1" destOrd="0" presId="urn:microsoft.com/office/officeart/2008/layout/LinedList"/>
    <dgm:cxn modelId="{8FC9FCCA-B276-46F4-B26C-7CD2C2AFF92D}" type="presParOf" srcId="{E0F20D7B-D9B4-44B8-95B2-AC7BD8E65C38}" destId="{20AB1B02-99E7-445B-82F3-FC6A7462EC82}" srcOrd="2" destOrd="0" presId="urn:microsoft.com/office/officeart/2008/layout/LinedList"/>
    <dgm:cxn modelId="{306CDC86-53C4-472A-A3A3-07EBC1DE2562}" type="presParOf" srcId="{CE9F1DEA-A055-44A5-873D-551566DEA5D3}" destId="{38790B00-2681-4F44-B179-BD9F1D271D3A}" srcOrd="2" destOrd="0" presId="urn:microsoft.com/office/officeart/2008/layout/LinedList"/>
    <dgm:cxn modelId="{2721442A-44B8-4CAB-B1D5-6CCD6295C7BA}" type="presParOf" srcId="{CE9F1DEA-A055-44A5-873D-551566DEA5D3}" destId="{FCE0261C-69B1-4393-812B-9E274CC6B50A}" srcOrd="3" destOrd="0" presId="urn:microsoft.com/office/officeart/2008/layout/LinedList"/>
    <dgm:cxn modelId="{938A11DD-248C-40DB-ADF1-CD6454715DF7}" type="presParOf" srcId="{CE9F1DEA-A055-44A5-873D-551566DEA5D3}" destId="{BAA14ABB-5F45-4504-B6DB-D5D596E27AA6}" srcOrd="4" destOrd="0" presId="urn:microsoft.com/office/officeart/2008/layout/LinedList"/>
    <dgm:cxn modelId="{93DE069D-0C1B-439F-AB01-79DFF717928A}" type="presParOf" srcId="{BAA14ABB-5F45-4504-B6DB-D5D596E27AA6}" destId="{4DBB061C-1D3D-4BFB-BB1A-1D5017CDD876}" srcOrd="0" destOrd="0" presId="urn:microsoft.com/office/officeart/2008/layout/LinedList"/>
    <dgm:cxn modelId="{64235335-5CE5-4EB1-95ED-660A90394A12}" type="presParOf" srcId="{BAA14ABB-5F45-4504-B6DB-D5D596E27AA6}" destId="{C814EAED-0190-4F10-8431-A4878C94756D}" srcOrd="1" destOrd="0" presId="urn:microsoft.com/office/officeart/2008/layout/LinedList"/>
    <dgm:cxn modelId="{9AAEBB1A-5D85-4E6B-B5FF-E54B9709A69F}" type="presParOf" srcId="{BAA14ABB-5F45-4504-B6DB-D5D596E27AA6}" destId="{374F3ADA-FAA9-4111-928A-C25C68F79B7A}" srcOrd="2" destOrd="0" presId="urn:microsoft.com/office/officeart/2008/layout/LinedList"/>
    <dgm:cxn modelId="{D83AEBE8-6CD4-4ACC-9E28-20D0900B5A15}" type="presParOf" srcId="{CE9F1DEA-A055-44A5-873D-551566DEA5D3}" destId="{21CA10CE-5A4E-4CA7-AB72-FD94FA1E8A4B}" srcOrd="5" destOrd="0" presId="urn:microsoft.com/office/officeart/2008/layout/LinedList"/>
    <dgm:cxn modelId="{20E81E44-0BDB-482D-9F52-EFF3D72DD25D}" type="presParOf" srcId="{CE9F1DEA-A055-44A5-873D-551566DEA5D3}" destId="{E5822E73-203E-451D-A7D8-DFE97F1ECDEA}" srcOrd="6" destOrd="0" presId="urn:microsoft.com/office/officeart/2008/layout/LinedList"/>
    <dgm:cxn modelId="{A7DCED64-77EE-483F-9D08-58F1031F7771}" type="presParOf" srcId="{CD344B7C-3CA6-4191-AADF-B188629A540B}" destId="{C9388E77-343D-4645-82ED-09B1B03E6FC2}" srcOrd="4" destOrd="0" presId="urn:microsoft.com/office/officeart/2008/layout/LinedList"/>
    <dgm:cxn modelId="{4777837F-5573-4D99-8956-F229DD5F43A7}" type="presParOf" srcId="{CD344B7C-3CA6-4191-AADF-B188629A540B}" destId="{7F40B62D-AF02-4AA8-A4E1-F329E7C9D522}" srcOrd="5" destOrd="0" presId="urn:microsoft.com/office/officeart/2008/layout/LinedList"/>
    <dgm:cxn modelId="{7F4D0C82-A885-4857-BB26-8A8D16C133D5}" type="presParOf" srcId="{7F40B62D-AF02-4AA8-A4E1-F329E7C9D522}" destId="{8094C347-67F1-4FE9-B1DE-38A10C1A3792}" srcOrd="0" destOrd="0" presId="urn:microsoft.com/office/officeart/2008/layout/LinedList"/>
    <dgm:cxn modelId="{C28C8E77-96CE-4560-B32C-91BAB3EED09B}" type="presParOf" srcId="{7F40B62D-AF02-4AA8-A4E1-F329E7C9D522}" destId="{0BB7A80B-1B51-4406-817A-BD9395636BDC}" srcOrd="1" destOrd="0" presId="urn:microsoft.com/office/officeart/2008/layout/LinedList"/>
    <dgm:cxn modelId="{A8BA7274-826D-4CE3-A256-94002D0099B8}" type="presParOf" srcId="{0BB7A80B-1B51-4406-817A-BD9395636BDC}" destId="{62460972-DB12-44B6-8E35-4A77FB022477}" srcOrd="0" destOrd="0" presId="urn:microsoft.com/office/officeart/2008/layout/LinedList"/>
    <dgm:cxn modelId="{6C2122F9-1781-4411-97A7-F254AB77200C}" type="presParOf" srcId="{0BB7A80B-1B51-4406-817A-BD9395636BDC}" destId="{07A34DB4-559A-4094-9E89-5927192F276F}" srcOrd="1" destOrd="0" presId="urn:microsoft.com/office/officeart/2008/layout/LinedList"/>
    <dgm:cxn modelId="{C26C634A-C5B3-47C8-834D-06ADE4393D45}" type="presParOf" srcId="{07A34DB4-559A-4094-9E89-5927192F276F}" destId="{19346DE0-13D4-47A4-9A4E-6C64C4D3177D}" srcOrd="0" destOrd="0" presId="urn:microsoft.com/office/officeart/2008/layout/LinedList"/>
    <dgm:cxn modelId="{0712F4D7-77F0-4D91-AE67-106B746F039B}" type="presParOf" srcId="{07A34DB4-559A-4094-9E89-5927192F276F}" destId="{A2764CF0-9378-400D-A454-A3C8C6DF5DA3}" srcOrd="1" destOrd="0" presId="urn:microsoft.com/office/officeart/2008/layout/LinedList"/>
    <dgm:cxn modelId="{CBA20229-4B4C-4025-B15B-0CC352AD75B4}" type="presParOf" srcId="{07A34DB4-559A-4094-9E89-5927192F276F}" destId="{8120FC77-F509-4DE5-98ED-E52EFB05D5E1}" srcOrd="2" destOrd="0" presId="urn:microsoft.com/office/officeart/2008/layout/LinedList"/>
    <dgm:cxn modelId="{DFD76498-B9CB-4FED-922C-30667F635669}" type="presParOf" srcId="{0BB7A80B-1B51-4406-817A-BD9395636BDC}" destId="{94B70E2D-C58A-4F8D-A504-9A1D27EF640D}" srcOrd="2" destOrd="0" presId="urn:microsoft.com/office/officeart/2008/layout/LinedList"/>
    <dgm:cxn modelId="{28F827CA-88D5-48FE-AA8C-53320EE44B02}" type="presParOf" srcId="{0BB7A80B-1B51-4406-817A-BD9395636BDC}" destId="{5B34B8A6-CEF4-41E3-9D71-9FFE8076835E}" srcOrd="3" destOrd="0" presId="urn:microsoft.com/office/officeart/2008/layout/LinedList"/>
    <dgm:cxn modelId="{8B07C965-4201-4529-B5BF-C45E6A1E902E}" type="presParOf" srcId="{0BB7A80B-1B51-4406-817A-BD9395636BDC}" destId="{D72A2BB2-0276-440C-B0D2-6ECF02769B1F}" srcOrd="4" destOrd="0" presId="urn:microsoft.com/office/officeart/2008/layout/LinedList"/>
    <dgm:cxn modelId="{984E2F34-2414-4811-9032-D1D1478FAE15}" type="presParOf" srcId="{D72A2BB2-0276-440C-B0D2-6ECF02769B1F}" destId="{C4320AFF-7226-433E-B8CC-D8B05F89127B}" srcOrd="0" destOrd="0" presId="urn:microsoft.com/office/officeart/2008/layout/LinedList"/>
    <dgm:cxn modelId="{5AFAFC6C-C075-459A-873A-1AC5354FE2C5}" type="presParOf" srcId="{D72A2BB2-0276-440C-B0D2-6ECF02769B1F}" destId="{F526F9D7-7729-484C-BF65-EFEFD4792AE0}" srcOrd="1" destOrd="0" presId="urn:microsoft.com/office/officeart/2008/layout/LinedList"/>
    <dgm:cxn modelId="{DAEB9CD2-C21E-4ED6-AA0B-0BB61B619E8F}" type="presParOf" srcId="{D72A2BB2-0276-440C-B0D2-6ECF02769B1F}" destId="{70BF96AF-B886-4C91-8495-B5665489C23E}" srcOrd="2" destOrd="0" presId="urn:microsoft.com/office/officeart/2008/layout/LinedList"/>
    <dgm:cxn modelId="{6D014C77-6D0D-49C0-A232-51A1B52748D5}" type="presParOf" srcId="{0BB7A80B-1B51-4406-817A-BD9395636BDC}" destId="{CCDEB7F1-90D7-4C23-AA2B-30C9CAB427E9}" srcOrd="5" destOrd="0" presId="urn:microsoft.com/office/officeart/2008/layout/LinedList"/>
    <dgm:cxn modelId="{1F56505E-CF33-45CD-AE66-B93251B39896}" type="presParOf" srcId="{0BB7A80B-1B51-4406-817A-BD9395636BDC}" destId="{BC4BD703-EF6D-4C4B-B899-C64FE136844C}" srcOrd="6" destOrd="0" presId="urn:microsoft.com/office/officeart/2008/layout/LinedList"/>
    <dgm:cxn modelId="{E86D3043-8EE7-4452-832C-03F55D538033}" type="presParOf" srcId="{0BB7A80B-1B51-4406-817A-BD9395636BDC}" destId="{850B99D6-98A0-4D40-AD05-9BE3D2B13728}" srcOrd="7" destOrd="0" presId="urn:microsoft.com/office/officeart/2008/layout/LinedList"/>
    <dgm:cxn modelId="{967D3B7F-2E94-4734-8ACE-7B78FA4C9900}" type="presParOf" srcId="{850B99D6-98A0-4D40-AD05-9BE3D2B13728}" destId="{C785DA0B-4D9D-41F2-9598-C33491639DD5}" srcOrd="0" destOrd="0" presId="urn:microsoft.com/office/officeart/2008/layout/LinedList"/>
    <dgm:cxn modelId="{7D6476AC-9A1D-41A6-88F2-97388ABA7975}" type="presParOf" srcId="{850B99D6-98A0-4D40-AD05-9BE3D2B13728}" destId="{2280FC5C-9635-4378-8A5B-DE14B351D077}" srcOrd="1" destOrd="0" presId="urn:microsoft.com/office/officeart/2008/layout/LinedList"/>
    <dgm:cxn modelId="{D65BF8DC-A00A-40CD-8DB5-749F90B325EC}" type="presParOf" srcId="{850B99D6-98A0-4D40-AD05-9BE3D2B13728}" destId="{DAF5AA78-BD33-40E0-BAB3-14371F8FF684}" srcOrd="2" destOrd="0" presId="urn:microsoft.com/office/officeart/2008/layout/LinedList"/>
    <dgm:cxn modelId="{09026ACE-7F13-4EB8-8C6B-89F3F4C6A193}" type="presParOf" srcId="{0BB7A80B-1B51-4406-817A-BD9395636BDC}" destId="{33E9450C-A1EA-49D5-9AE4-B7165F7614D5}" srcOrd="8" destOrd="0" presId="urn:microsoft.com/office/officeart/2008/layout/LinedList"/>
    <dgm:cxn modelId="{4EBA0988-68C6-41F3-A63B-C3F0FAF7D4D3}" type="presParOf" srcId="{0BB7A80B-1B51-4406-817A-BD9395636BDC}" destId="{D4D39BD9-FF2F-4A61-B0FA-A6FA0CB9099D}" srcOrd="9" destOrd="0" presId="urn:microsoft.com/office/officeart/2008/layout/LinedList"/>
    <dgm:cxn modelId="{271B50D5-8D5E-4016-9572-8C5F5A40DFCE}" type="presParOf" srcId="{CD344B7C-3CA6-4191-AADF-B188629A540B}" destId="{43721798-8AA9-4093-897B-CC4CED60D368}" srcOrd="6" destOrd="0" presId="urn:microsoft.com/office/officeart/2008/layout/LinedList"/>
    <dgm:cxn modelId="{31D197C7-D5F6-426C-A731-AD7388AB4F39}" type="presParOf" srcId="{CD344B7C-3CA6-4191-AADF-B188629A540B}" destId="{409FF8E3-DA13-4F01-B78F-C1EDAAE06ED2}" srcOrd="7" destOrd="0" presId="urn:microsoft.com/office/officeart/2008/layout/LinedList"/>
    <dgm:cxn modelId="{7E4AE5AB-97A1-4B51-A86C-6D667D182047}" type="presParOf" srcId="{409FF8E3-DA13-4F01-B78F-C1EDAAE06ED2}" destId="{DCFAF1EE-96D0-4B66-A898-A4AAA4CE6580}" srcOrd="0" destOrd="0" presId="urn:microsoft.com/office/officeart/2008/layout/LinedList"/>
    <dgm:cxn modelId="{2C1B970C-871C-4585-BC9C-F2ACE9CD4B90}" type="presParOf" srcId="{409FF8E3-DA13-4F01-B78F-C1EDAAE06ED2}" destId="{870F2F8B-5BC7-4408-8379-365FCC0FBC78}" srcOrd="1" destOrd="0" presId="urn:microsoft.com/office/officeart/2008/layout/LinedList"/>
    <dgm:cxn modelId="{69117377-DDCD-4C42-A5F8-D89D912F8D69}" type="presParOf" srcId="{870F2F8B-5BC7-4408-8379-365FCC0FBC78}" destId="{20A22DD0-DA3E-46FF-8D82-6B67BA52BE94}" srcOrd="0" destOrd="0" presId="urn:microsoft.com/office/officeart/2008/layout/LinedList"/>
    <dgm:cxn modelId="{DE98AEF6-A6EF-446E-8C94-AE652CE96819}" type="presParOf" srcId="{870F2F8B-5BC7-4408-8379-365FCC0FBC78}" destId="{EC202E69-8466-4AD4-B2A0-7776DA0DAF36}" srcOrd="1" destOrd="0" presId="urn:microsoft.com/office/officeart/2008/layout/LinedList"/>
    <dgm:cxn modelId="{249A1C7A-DF1A-455E-9154-C41A8CC4DD62}" type="presParOf" srcId="{EC202E69-8466-4AD4-B2A0-7776DA0DAF36}" destId="{37324799-48C9-416A-AE23-D69CAE2F900F}" srcOrd="0" destOrd="0" presId="urn:microsoft.com/office/officeart/2008/layout/LinedList"/>
    <dgm:cxn modelId="{37A842D9-5299-4F86-81E5-9359158D27A2}" type="presParOf" srcId="{EC202E69-8466-4AD4-B2A0-7776DA0DAF36}" destId="{11E39BEC-DCA6-4EAA-946E-F3F281CB052D}" srcOrd="1" destOrd="0" presId="urn:microsoft.com/office/officeart/2008/layout/LinedList"/>
    <dgm:cxn modelId="{E2ACC3FB-04DB-4C18-8F40-6E7DEFAF48D2}" type="presParOf" srcId="{EC202E69-8466-4AD4-B2A0-7776DA0DAF36}" destId="{5C265B92-914D-48F8-8E05-286DD5C26711}" srcOrd="2" destOrd="0" presId="urn:microsoft.com/office/officeart/2008/layout/LinedList"/>
    <dgm:cxn modelId="{9ECA42A3-3A20-4F76-8573-707DD0F101EE}" type="presParOf" srcId="{870F2F8B-5BC7-4408-8379-365FCC0FBC78}" destId="{8A4AC2DB-A462-4516-BD38-E2B772ED33A0}" srcOrd="2" destOrd="0" presId="urn:microsoft.com/office/officeart/2008/layout/LinedList"/>
    <dgm:cxn modelId="{E4926344-C62E-4A14-94B9-FCC74C2E2F25}" type="presParOf" srcId="{870F2F8B-5BC7-4408-8379-365FCC0FBC78}" destId="{5134A97F-38F6-448E-AD8D-4571E9D1FAD4}" srcOrd="3" destOrd="0" presId="urn:microsoft.com/office/officeart/2008/layout/LinedList"/>
    <dgm:cxn modelId="{61834D70-3CA6-4E36-BF87-B4FBB03F07E8}" type="presParOf" srcId="{870F2F8B-5BC7-4408-8379-365FCC0FBC78}" destId="{85059309-FF64-42A6-B522-039AD969D0ED}" srcOrd="4" destOrd="0" presId="urn:microsoft.com/office/officeart/2008/layout/LinedList"/>
    <dgm:cxn modelId="{5E5E6F86-F13A-4BB5-A3FA-A6F8A2368DA8}" type="presParOf" srcId="{85059309-FF64-42A6-B522-039AD969D0ED}" destId="{4E39988A-F4BB-43BC-9DC2-D05B0E3EAA2A}" srcOrd="0" destOrd="0" presId="urn:microsoft.com/office/officeart/2008/layout/LinedList"/>
    <dgm:cxn modelId="{BA6DACAC-51CA-4306-A928-0F8A19F639A3}" type="presParOf" srcId="{85059309-FF64-42A6-B522-039AD969D0ED}" destId="{EEDF6214-89CB-4B90-984B-08F164AB05CE}" srcOrd="1" destOrd="0" presId="urn:microsoft.com/office/officeart/2008/layout/LinedList"/>
    <dgm:cxn modelId="{8BF1D29E-529D-4B20-8E09-CB0C5FCD54D3}" type="presParOf" srcId="{85059309-FF64-42A6-B522-039AD969D0ED}" destId="{D57511B0-353A-4961-8C05-A258A27BF1B9}" srcOrd="2" destOrd="0" presId="urn:microsoft.com/office/officeart/2008/layout/LinedList"/>
    <dgm:cxn modelId="{B4A61410-7B53-4037-BD9A-8F0DE1D502F4}" type="presParOf" srcId="{870F2F8B-5BC7-4408-8379-365FCC0FBC78}" destId="{981D23F5-E868-4311-A273-9A76AC585E61}" srcOrd="5" destOrd="0" presId="urn:microsoft.com/office/officeart/2008/layout/LinedList"/>
    <dgm:cxn modelId="{FF25C640-7DFC-4592-9A68-F32C618D100D}" type="presParOf" srcId="{870F2F8B-5BC7-4408-8379-365FCC0FBC78}" destId="{D63FD1C1-84DC-441D-A68C-8A08679503FE}" srcOrd="6" destOrd="0" presId="urn:microsoft.com/office/officeart/2008/layout/LinedList"/>
    <dgm:cxn modelId="{8D442D5E-4FAE-4ADF-A740-A53142A1963D}" type="presParOf" srcId="{870F2F8B-5BC7-4408-8379-365FCC0FBC78}" destId="{2930BBFB-20AA-482C-9818-982F741DDF47}" srcOrd="7" destOrd="0" presId="urn:microsoft.com/office/officeart/2008/layout/LinedList"/>
    <dgm:cxn modelId="{0156EE46-0D7A-426D-89C1-249F86D9A296}" type="presParOf" srcId="{2930BBFB-20AA-482C-9818-982F741DDF47}" destId="{B18356B7-ACCC-4630-B0C6-ADB40C1B48B1}" srcOrd="0" destOrd="0" presId="urn:microsoft.com/office/officeart/2008/layout/LinedList"/>
    <dgm:cxn modelId="{BDD28536-748C-4FD4-8265-4D9F2A1C3B47}" type="presParOf" srcId="{2930BBFB-20AA-482C-9818-982F741DDF47}" destId="{467850BE-6D95-4F73-900E-B8EC11093925}" srcOrd="1" destOrd="0" presId="urn:microsoft.com/office/officeart/2008/layout/LinedList"/>
    <dgm:cxn modelId="{853468F0-D091-4134-AC5D-00B4B6E52F3C}" type="presParOf" srcId="{2930BBFB-20AA-482C-9818-982F741DDF47}" destId="{2C6DA2BF-2623-4D7B-862E-FFA6CB3CFBF3}" srcOrd="2" destOrd="0" presId="urn:microsoft.com/office/officeart/2008/layout/LinedList"/>
    <dgm:cxn modelId="{1E33A02F-133E-4A7E-A2F2-8D51B4428997}" type="presParOf" srcId="{870F2F8B-5BC7-4408-8379-365FCC0FBC78}" destId="{3ADF99AD-B22F-4CAF-94C4-7BD7011D9085}" srcOrd="8" destOrd="0" presId="urn:microsoft.com/office/officeart/2008/layout/LinedList"/>
    <dgm:cxn modelId="{5E94909E-28A2-4CCA-ABEC-950A7F3A74E7}" type="presParOf" srcId="{870F2F8B-5BC7-4408-8379-365FCC0FBC78}" destId="{985376E9-9E69-4EA0-9289-086FE2C19220}" srcOrd="9" destOrd="0" presId="urn:microsoft.com/office/officeart/2008/layout/LinedList"/>
    <dgm:cxn modelId="{D0522036-878D-4397-BF4A-9C32CE355387}" type="presParOf" srcId="{CD344B7C-3CA6-4191-AADF-B188629A540B}" destId="{A3612D0E-7C2B-4F80-B993-4274C65CF94D}" srcOrd="8" destOrd="0" presId="urn:microsoft.com/office/officeart/2008/layout/LinedList"/>
    <dgm:cxn modelId="{AF8DED12-5911-45F6-97F3-69EA79884C99}" type="presParOf" srcId="{CD344B7C-3CA6-4191-AADF-B188629A540B}" destId="{0EBD88B2-F516-4C61-B173-E57081889B44}" srcOrd="9" destOrd="0" presId="urn:microsoft.com/office/officeart/2008/layout/LinedList"/>
    <dgm:cxn modelId="{8FDA4070-E772-401B-A8EF-15256A6E9EED}" type="presParOf" srcId="{0EBD88B2-F516-4C61-B173-E57081889B44}" destId="{728695A8-A884-4AD2-B585-DFC3DED08445}" srcOrd="0" destOrd="0" presId="urn:microsoft.com/office/officeart/2008/layout/LinedList"/>
    <dgm:cxn modelId="{74ACDB9C-5965-4C90-9D05-6089EED58ED9}" type="presParOf" srcId="{0EBD88B2-F516-4C61-B173-E57081889B44}" destId="{C1C6EA32-D092-4545-99E4-6B08579BA9DC}" srcOrd="1" destOrd="0" presId="urn:microsoft.com/office/officeart/2008/layout/LinedList"/>
    <dgm:cxn modelId="{45EFD285-FE08-49C9-9316-77B0983B246A}" type="presParOf" srcId="{C1C6EA32-D092-4545-99E4-6B08579BA9DC}" destId="{3C180AF5-7686-4A3B-942E-A57B89DB980E}" srcOrd="0" destOrd="0" presId="urn:microsoft.com/office/officeart/2008/layout/LinedList"/>
    <dgm:cxn modelId="{B3F6CA86-D4E5-423A-B408-3274169AFA34}" type="presParOf" srcId="{C1C6EA32-D092-4545-99E4-6B08579BA9DC}" destId="{44DC9AA4-ED64-4DC5-80F6-DBE9B61D7819}" srcOrd="1" destOrd="0" presId="urn:microsoft.com/office/officeart/2008/layout/LinedList"/>
    <dgm:cxn modelId="{E4E1A3FF-7D60-4D32-868D-8C18059244BA}" type="presParOf" srcId="{44DC9AA4-ED64-4DC5-80F6-DBE9B61D7819}" destId="{483CD53B-25ED-46DD-B624-0F66B0173D6F}" srcOrd="0" destOrd="0" presId="urn:microsoft.com/office/officeart/2008/layout/LinedList"/>
    <dgm:cxn modelId="{96952C13-C2F5-4C27-94E7-5DE4A7299C80}" type="presParOf" srcId="{44DC9AA4-ED64-4DC5-80F6-DBE9B61D7819}" destId="{A107924A-51FE-4C0D-8217-FDF97B60385D}" srcOrd="1" destOrd="0" presId="urn:microsoft.com/office/officeart/2008/layout/LinedList"/>
    <dgm:cxn modelId="{7E3ABB8B-4B1F-4EC1-B907-F51275C21105}" type="presParOf" srcId="{44DC9AA4-ED64-4DC5-80F6-DBE9B61D7819}" destId="{B1D8BD4F-FCB3-4A99-9916-12ACC1BEB877}" srcOrd="2" destOrd="0" presId="urn:microsoft.com/office/officeart/2008/layout/LinedList"/>
    <dgm:cxn modelId="{44455971-F53D-447A-87C7-1DDEAF6F79B6}" type="presParOf" srcId="{C1C6EA32-D092-4545-99E4-6B08579BA9DC}" destId="{CFC63584-8A3F-4D46-A1F4-38C21C62BE6D}" srcOrd="2" destOrd="0" presId="urn:microsoft.com/office/officeart/2008/layout/LinedList"/>
    <dgm:cxn modelId="{D6AD4ABB-B25C-4854-9A44-6C8CDF751D03}" type="presParOf" srcId="{C1C6EA32-D092-4545-99E4-6B08579BA9DC}" destId="{E1791D1F-BE0C-4D55-B90E-986AE5333CF4}" srcOrd="3" destOrd="0" presId="urn:microsoft.com/office/officeart/2008/layout/LinedList"/>
    <dgm:cxn modelId="{4976B176-B3DF-483C-BEBD-59C5ACA32BEC}" type="presParOf" srcId="{C1C6EA32-D092-4545-99E4-6B08579BA9DC}" destId="{1A8DE974-2B7F-4F59-9386-C2E8C3BB0CC0}" srcOrd="4" destOrd="0" presId="urn:microsoft.com/office/officeart/2008/layout/LinedList"/>
    <dgm:cxn modelId="{790F2EFE-A343-4EA7-B478-0B9B3DAFCEF8}" type="presParOf" srcId="{1A8DE974-2B7F-4F59-9386-C2E8C3BB0CC0}" destId="{B82D43A8-0AB1-47D8-917B-AD65FB538358}" srcOrd="0" destOrd="0" presId="urn:microsoft.com/office/officeart/2008/layout/LinedList"/>
    <dgm:cxn modelId="{C5F99F3C-EC32-4315-B313-1BC98F8D31C1}" type="presParOf" srcId="{1A8DE974-2B7F-4F59-9386-C2E8C3BB0CC0}" destId="{A4CC81E8-C323-4A8D-A70D-839D1F1BD4CA}" srcOrd="1" destOrd="0" presId="urn:microsoft.com/office/officeart/2008/layout/LinedList"/>
    <dgm:cxn modelId="{99AEAFFE-640F-4FF1-8B71-D48083957311}" type="presParOf" srcId="{1A8DE974-2B7F-4F59-9386-C2E8C3BB0CC0}" destId="{AA89C511-1A47-46BB-8B52-900BA403696A}" srcOrd="2" destOrd="0" presId="urn:microsoft.com/office/officeart/2008/layout/LinedList"/>
    <dgm:cxn modelId="{7948F925-5572-4064-AC27-92359CFE1C2F}" type="presParOf" srcId="{C1C6EA32-D092-4545-99E4-6B08579BA9DC}" destId="{A980988D-C3BC-4318-A280-A43B35476BB2}" srcOrd="5" destOrd="0" presId="urn:microsoft.com/office/officeart/2008/layout/LinedList"/>
    <dgm:cxn modelId="{5AA65BEA-3C8C-438B-90D4-B3DAF17FB9C2}" type="presParOf" srcId="{C1C6EA32-D092-4545-99E4-6B08579BA9DC}" destId="{460B278E-CE4D-4BD0-BCEF-A5B3FFDD2BEC}" srcOrd="6" destOrd="0" presId="urn:microsoft.com/office/officeart/2008/layout/LinedList"/>
    <dgm:cxn modelId="{9B79769D-6151-469B-9FDC-3CD44BEC9360}" type="presParOf" srcId="{CD344B7C-3CA6-4191-AADF-B188629A540B}" destId="{F6D7E44E-42E3-4C40-A872-518A9AB9A206}" srcOrd="10" destOrd="0" presId="urn:microsoft.com/office/officeart/2008/layout/LinedList"/>
    <dgm:cxn modelId="{44CCF0DE-3469-46DB-A882-67A9D9F6BC33}" type="presParOf" srcId="{CD344B7C-3CA6-4191-AADF-B188629A540B}" destId="{D7D0D58A-141E-47C9-AD79-2E8E31ADCE99}" srcOrd="11" destOrd="0" presId="urn:microsoft.com/office/officeart/2008/layout/LinedList"/>
    <dgm:cxn modelId="{11A56C87-1EAE-4750-8D26-DDE5FA051685}" type="presParOf" srcId="{D7D0D58A-141E-47C9-AD79-2E8E31ADCE99}" destId="{83BD6985-5358-4045-9603-31E63A12FE8D}" srcOrd="0" destOrd="0" presId="urn:microsoft.com/office/officeart/2008/layout/LinedList"/>
    <dgm:cxn modelId="{CE37775A-B58C-443D-A299-7674738B4BBD}" type="presParOf" srcId="{D7D0D58A-141E-47C9-AD79-2E8E31ADCE99}" destId="{659BD954-9136-4FCE-856E-E40B2FC61956}" srcOrd="1" destOrd="0" presId="urn:microsoft.com/office/officeart/2008/layout/LinedList"/>
    <dgm:cxn modelId="{96045C2B-5CAF-4FA9-B6EA-FC5797CA0365}" type="presParOf" srcId="{659BD954-9136-4FCE-856E-E40B2FC61956}" destId="{20ED5BE6-7294-45C7-B67C-FE08E11A6B28}" srcOrd="0" destOrd="0" presId="urn:microsoft.com/office/officeart/2008/layout/LinedList"/>
    <dgm:cxn modelId="{C5805DE8-4201-4575-85E6-32FD05B41E24}" type="presParOf" srcId="{659BD954-9136-4FCE-856E-E40B2FC61956}" destId="{85EE2280-D805-4C59-904E-811058B4529F}" srcOrd="1" destOrd="0" presId="urn:microsoft.com/office/officeart/2008/layout/LinedList"/>
    <dgm:cxn modelId="{78359CB7-17A2-4C94-8A9A-AF51B73A341C}" type="presParOf" srcId="{85EE2280-D805-4C59-904E-811058B4529F}" destId="{8AE89C2A-2E44-4AFE-9F48-9A05554B0A53}" srcOrd="0" destOrd="0" presId="urn:microsoft.com/office/officeart/2008/layout/LinedList"/>
    <dgm:cxn modelId="{BEFB5C73-84DC-472C-8DF3-96DC14C1B381}" type="presParOf" srcId="{85EE2280-D805-4C59-904E-811058B4529F}" destId="{2F4345AC-9E11-4110-BF2C-CC3440BF4664}" srcOrd="1" destOrd="0" presId="urn:microsoft.com/office/officeart/2008/layout/LinedList"/>
    <dgm:cxn modelId="{139F8D29-016F-453C-AB47-5BF200E28434}" type="presParOf" srcId="{85EE2280-D805-4C59-904E-811058B4529F}" destId="{6952DABC-31B6-4B30-9876-7ECE51AFFCCB}" srcOrd="2" destOrd="0" presId="urn:microsoft.com/office/officeart/2008/layout/LinedList"/>
    <dgm:cxn modelId="{4397F29D-36FA-4144-B9E7-F5F4A2753F0F}" type="presParOf" srcId="{659BD954-9136-4FCE-856E-E40B2FC61956}" destId="{3F9A475F-2AC4-4BF5-A8E6-8ED2B00A8286}" srcOrd="2" destOrd="0" presId="urn:microsoft.com/office/officeart/2008/layout/LinedList"/>
    <dgm:cxn modelId="{1C5A2DEB-EDFB-4FCD-9E3C-D78EFC3BDC97}" type="presParOf" srcId="{659BD954-9136-4FCE-856E-E40B2FC61956}" destId="{DD78F442-2164-4E44-8B25-C3E58CE62BDC}" srcOrd="3" destOrd="0" presId="urn:microsoft.com/office/officeart/2008/layout/LinedList"/>
    <dgm:cxn modelId="{1BB3EEB7-A5E4-457E-BDD0-8DF823B1DE46}" type="presParOf" srcId="{659BD954-9136-4FCE-856E-E40B2FC61956}" destId="{B0E19992-B390-47AF-973A-97E07C15E4F4}" srcOrd="4" destOrd="0" presId="urn:microsoft.com/office/officeart/2008/layout/LinedList"/>
    <dgm:cxn modelId="{604D33B4-DDA7-4437-970E-6AB3A2212D06}" type="presParOf" srcId="{B0E19992-B390-47AF-973A-97E07C15E4F4}" destId="{4E58B835-E956-463C-935D-2CE1E4AE6EC3}" srcOrd="0" destOrd="0" presId="urn:microsoft.com/office/officeart/2008/layout/LinedList"/>
    <dgm:cxn modelId="{72211E23-F97F-459F-9ACB-EBDCD22E9189}" type="presParOf" srcId="{B0E19992-B390-47AF-973A-97E07C15E4F4}" destId="{F6504C8F-6C33-48E5-929A-C2A5C9AC5B10}" srcOrd="1" destOrd="0" presId="urn:microsoft.com/office/officeart/2008/layout/LinedList"/>
    <dgm:cxn modelId="{EF9CC926-06EC-4CCB-9DE6-D1D66C8B7EC1}" type="presParOf" srcId="{B0E19992-B390-47AF-973A-97E07C15E4F4}" destId="{52D01C2A-47FF-4D76-855C-7264CF5F8F66}" srcOrd="2" destOrd="0" presId="urn:microsoft.com/office/officeart/2008/layout/LinedList"/>
    <dgm:cxn modelId="{6F7FD8AD-05E7-4D19-814F-7F6BD0758F09}" type="presParOf" srcId="{659BD954-9136-4FCE-856E-E40B2FC61956}" destId="{1CEB5678-9939-45E7-B6AD-4822D788B28C}" srcOrd="5" destOrd="0" presId="urn:microsoft.com/office/officeart/2008/layout/LinedList"/>
    <dgm:cxn modelId="{C5A9588E-01C1-441E-A3E7-73EB0020F580}" type="presParOf" srcId="{659BD954-9136-4FCE-856E-E40B2FC61956}" destId="{CD28CC9C-70FA-4573-B23E-2EC1C0DCDA8A}" srcOrd="6" destOrd="0" presId="urn:microsoft.com/office/officeart/2008/layout/LinedLis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9F720A6A-48B1-4985-8EE4-48BB624A53B6}">
      <dsp:nvSpPr>
        <dsp:cNvPr id="0" name=""/>
        <dsp:cNvSpPr/>
      </dsp:nvSpPr>
      <dsp:spPr>
        <a:xfrm>
          <a:off x="2150490" y="2881"/>
          <a:ext cx="3471822" cy="2083093"/>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52400" tIns="152400" rIns="152400" bIns="152400" numCol="1" spcCol="1270" anchor="ctr" anchorCtr="0">
          <a:noAutofit/>
        </a:bodyPr>
        <a:lstStyle/>
        <a:p>
          <a:pPr marL="0" lvl="0" indent="0" algn="ctr" defTabSz="1778000">
            <a:lnSpc>
              <a:spcPct val="90000"/>
            </a:lnSpc>
            <a:spcBef>
              <a:spcPct val="0"/>
            </a:spcBef>
            <a:spcAft>
              <a:spcPct val="35000"/>
            </a:spcAft>
            <a:buNone/>
          </a:pPr>
          <a:r>
            <a:rPr lang="en-US" sz="4000" kern="1200" dirty="0">
              <a:latin typeface="AmplitudeTF" panose="02000506050000020004" pitchFamily="50" charset="0"/>
            </a:rPr>
            <a:t>General</a:t>
          </a:r>
        </a:p>
      </dsp:txBody>
      <dsp:txXfrm>
        <a:off x="2150490" y="2881"/>
        <a:ext cx="3471822" cy="2083093"/>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8467EAEF-B916-458B-AF1C-155A218B978A}">
      <dsp:nvSpPr>
        <dsp:cNvPr id="0" name=""/>
        <dsp:cNvSpPr/>
      </dsp:nvSpPr>
      <dsp:spPr>
        <a:xfrm>
          <a:off x="0" y="44368"/>
          <a:ext cx="3029498" cy="1817699"/>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latin typeface="AmplitudeTF" panose="02000506050000020004" pitchFamily="50" charset="0"/>
            </a:rPr>
            <a:t>Who is your audience/user?</a:t>
          </a:r>
        </a:p>
      </dsp:txBody>
      <dsp:txXfrm>
        <a:off x="0" y="44368"/>
        <a:ext cx="3029498" cy="1817699"/>
      </dsp:txXfrm>
    </dsp:sp>
    <dsp:sp modelId="{524657D2-650E-4778-A8D7-AE393AE0B695}">
      <dsp:nvSpPr>
        <dsp:cNvPr id="0" name=""/>
        <dsp:cNvSpPr/>
      </dsp:nvSpPr>
      <dsp:spPr>
        <a:xfrm>
          <a:off x="3332448" y="44368"/>
          <a:ext cx="3029498" cy="1817699"/>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latin typeface="AmplitudeTF" panose="02000506050000020004" pitchFamily="50" charset="0"/>
            </a:rPr>
            <a:t>Who are your players and stakeholders?</a:t>
          </a:r>
        </a:p>
      </dsp:txBody>
      <dsp:txXfrm>
        <a:off x="3332448" y="44368"/>
        <a:ext cx="3029498" cy="1817699"/>
      </dsp:txXfrm>
    </dsp:sp>
    <dsp:sp modelId="{4E298DD4-2157-49DF-992A-C11404C86607}">
      <dsp:nvSpPr>
        <dsp:cNvPr id="0" name=""/>
        <dsp:cNvSpPr/>
      </dsp:nvSpPr>
      <dsp:spPr>
        <a:xfrm>
          <a:off x="6664896" y="44368"/>
          <a:ext cx="3029498" cy="1817699"/>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latin typeface="AmplitudeTF" panose="02000506050000020004" pitchFamily="50" charset="0"/>
            </a:rPr>
            <a:t>What is your budget?</a:t>
          </a:r>
        </a:p>
      </dsp:txBody>
      <dsp:txXfrm>
        <a:off x="6664896" y="44368"/>
        <a:ext cx="3029498" cy="1817699"/>
      </dsp:txXfrm>
    </dsp:sp>
    <dsp:sp modelId="{A82EA78D-A874-454D-8EB5-4AA0FDC29869}">
      <dsp:nvSpPr>
        <dsp:cNvPr id="0" name=""/>
        <dsp:cNvSpPr/>
      </dsp:nvSpPr>
      <dsp:spPr>
        <a:xfrm>
          <a:off x="1666224" y="2165016"/>
          <a:ext cx="3029498" cy="1817699"/>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latin typeface="AmplitudeTF" panose="02000506050000020004" pitchFamily="50" charset="0"/>
            </a:rPr>
            <a:t>What do you want your audience to do?</a:t>
          </a:r>
        </a:p>
      </dsp:txBody>
      <dsp:txXfrm>
        <a:off x="1666224" y="2165016"/>
        <a:ext cx="3029498" cy="1817699"/>
      </dsp:txXfrm>
    </dsp:sp>
    <dsp:sp modelId="{60304344-AEE0-4E37-A1CC-456A22E0F3DC}">
      <dsp:nvSpPr>
        <dsp:cNvPr id="0" name=""/>
        <dsp:cNvSpPr/>
      </dsp:nvSpPr>
      <dsp:spPr>
        <a:xfrm>
          <a:off x="4998672" y="2165016"/>
          <a:ext cx="3029498" cy="1817699"/>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21920" tIns="121920" rIns="121920" bIns="121920" numCol="1" spcCol="1270" anchor="ctr" anchorCtr="0">
          <a:noAutofit/>
        </a:bodyPr>
        <a:lstStyle/>
        <a:p>
          <a:pPr marL="0" lvl="0" indent="0" algn="ctr" defTabSz="1422400">
            <a:lnSpc>
              <a:spcPct val="90000"/>
            </a:lnSpc>
            <a:spcBef>
              <a:spcPct val="0"/>
            </a:spcBef>
            <a:spcAft>
              <a:spcPct val="35000"/>
            </a:spcAft>
            <a:buNone/>
          </a:pPr>
          <a:r>
            <a:rPr lang="en-US" sz="3200" kern="1200" dirty="0">
              <a:latin typeface="AmplitudeTF" panose="02000506050000020004" pitchFamily="50" charset="0"/>
            </a:rPr>
            <a:t>Why is this important?</a:t>
          </a:r>
        </a:p>
      </dsp:txBody>
      <dsp:txXfrm>
        <a:off x="4998672" y="2165016"/>
        <a:ext cx="3029498" cy="1817699"/>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AEFC2E2C-5A71-4604-9E63-1212E050FB90}">
      <dsp:nvSpPr>
        <dsp:cNvPr id="0" name=""/>
        <dsp:cNvSpPr/>
      </dsp:nvSpPr>
      <dsp:spPr>
        <a:xfrm>
          <a:off x="0" y="2662"/>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3C3489E-0E87-4EF0-ABDE-321DD39C31FB}">
      <dsp:nvSpPr>
        <dsp:cNvPr id="0" name=""/>
        <dsp:cNvSpPr/>
      </dsp:nvSpPr>
      <dsp:spPr>
        <a:xfrm>
          <a:off x="0" y="2662"/>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None/>
          </a:pPr>
          <a:r>
            <a:rPr lang="en-US" sz="2400" kern="1200" dirty="0">
              <a:latin typeface="AmplitudeTF" panose="02000506050000020004" pitchFamily="50" charset="0"/>
            </a:rPr>
            <a:t>Features &amp; Functionality</a:t>
          </a:r>
        </a:p>
      </dsp:txBody>
      <dsp:txXfrm>
        <a:off x="0" y="2662"/>
        <a:ext cx="1875522" cy="907954"/>
      </dsp:txXfrm>
    </dsp:sp>
    <dsp:sp modelId="{8C42BDB7-AFE0-474C-8425-6E2B264BF88D}">
      <dsp:nvSpPr>
        <dsp:cNvPr id="0" name=""/>
        <dsp:cNvSpPr/>
      </dsp:nvSpPr>
      <dsp:spPr>
        <a:xfrm>
          <a:off x="2016186" y="23765"/>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hat are the features/functionality you require?</a:t>
          </a:r>
        </a:p>
      </dsp:txBody>
      <dsp:txXfrm>
        <a:off x="2016186" y="23765"/>
        <a:ext cx="7361423" cy="422056"/>
      </dsp:txXfrm>
    </dsp:sp>
    <dsp:sp modelId="{9ECA8021-7295-498B-98C1-7280C8C252AB}">
      <dsp:nvSpPr>
        <dsp:cNvPr id="0" name=""/>
        <dsp:cNvSpPr/>
      </dsp:nvSpPr>
      <dsp:spPr>
        <a:xfrm>
          <a:off x="1875521" y="445822"/>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CC759A12-CDB9-47DD-9BDC-900E38B4F259}">
      <dsp:nvSpPr>
        <dsp:cNvPr id="0" name=""/>
        <dsp:cNvSpPr/>
      </dsp:nvSpPr>
      <dsp:spPr>
        <a:xfrm>
          <a:off x="2016186" y="466925"/>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Define your Must-haves vs. Nice-to-haves</a:t>
          </a:r>
        </a:p>
      </dsp:txBody>
      <dsp:txXfrm>
        <a:off x="2016186" y="466925"/>
        <a:ext cx="7361423" cy="422056"/>
      </dsp:txXfrm>
    </dsp:sp>
    <dsp:sp modelId="{4D3BDB47-3ED2-4F8A-AA16-47D8EE7381EA}">
      <dsp:nvSpPr>
        <dsp:cNvPr id="0" name=""/>
        <dsp:cNvSpPr/>
      </dsp:nvSpPr>
      <dsp:spPr>
        <a:xfrm>
          <a:off x="1875521" y="888981"/>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EF8A8A18-E8D5-4265-BCD7-A025E3034E11}">
      <dsp:nvSpPr>
        <dsp:cNvPr id="0" name=""/>
        <dsp:cNvSpPr/>
      </dsp:nvSpPr>
      <dsp:spPr>
        <a:xfrm>
          <a:off x="0" y="910616"/>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3AFC6DF5-EF85-4F06-8EC9-CD2B3B025A5B}">
      <dsp:nvSpPr>
        <dsp:cNvPr id="0" name=""/>
        <dsp:cNvSpPr/>
      </dsp:nvSpPr>
      <dsp:spPr>
        <a:xfrm>
          <a:off x="0" y="910616"/>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None/>
          </a:pPr>
          <a:r>
            <a:rPr lang="en-US" sz="2400" kern="1200" dirty="0">
              <a:latin typeface="AmplitudeTF" panose="02000506050000020004" pitchFamily="50" charset="0"/>
            </a:rPr>
            <a:t>Maintenance</a:t>
          </a:r>
        </a:p>
      </dsp:txBody>
      <dsp:txXfrm>
        <a:off x="0" y="910616"/>
        <a:ext cx="1875522" cy="907954"/>
      </dsp:txXfrm>
    </dsp:sp>
    <dsp:sp modelId="{A1BA576E-2C9E-4E93-B4BE-08A9C930D2FD}">
      <dsp:nvSpPr>
        <dsp:cNvPr id="0" name=""/>
        <dsp:cNvSpPr/>
      </dsp:nvSpPr>
      <dsp:spPr>
        <a:xfrm>
          <a:off x="2016186" y="931719"/>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Is maintenance needed, or does the system maintain itself?</a:t>
          </a:r>
        </a:p>
      </dsp:txBody>
      <dsp:txXfrm>
        <a:off x="2016186" y="931719"/>
        <a:ext cx="7361423" cy="422056"/>
      </dsp:txXfrm>
    </dsp:sp>
    <dsp:sp modelId="{38790B00-2681-4F44-B179-BD9F1D271D3A}">
      <dsp:nvSpPr>
        <dsp:cNvPr id="0" name=""/>
        <dsp:cNvSpPr/>
      </dsp:nvSpPr>
      <dsp:spPr>
        <a:xfrm>
          <a:off x="1875521" y="1353776"/>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C814EAED-0190-4F10-8431-A4878C94756D}">
      <dsp:nvSpPr>
        <dsp:cNvPr id="0" name=""/>
        <dsp:cNvSpPr/>
      </dsp:nvSpPr>
      <dsp:spPr>
        <a:xfrm>
          <a:off x="2016186" y="1374879"/>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If maintenance is needed, who in your company will do this and how?</a:t>
          </a:r>
        </a:p>
      </dsp:txBody>
      <dsp:txXfrm>
        <a:off x="2016186" y="1374879"/>
        <a:ext cx="7361423" cy="422056"/>
      </dsp:txXfrm>
    </dsp:sp>
    <dsp:sp modelId="{21CA10CE-5A4E-4CA7-AB72-FD94FA1E8A4B}">
      <dsp:nvSpPr>
        <dsp:cNvPr id="0" name=""/>
        <dsp:cNvSpPr/>
      </dsp:nvSpPr>
      <dsp:spPr>
        <a:xfrm>
          <a:off x="1875521" y="1796936"/>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C9388E77-343D-4645-82ED-09B1B03E6FC2}">
      <dsp:nvSpPr>
        <dsp:cNvPr id="0" name=""/>
        <dsp:cNvSpPr/>
      </dsp:nvSpPr>
      <dsp:spPr>
        <a:xfrm>
          <a:off x="0" y="1818570"/>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8094C347-67F1-4FE9-B1DE-38A10C1A3792}">
      <dsp:nvSpPr>
        <dsp:cNvPr id="0" name=""/>
        <dsp:cNvSpPr/>
      </dsp:nvSpPr>
      <dsp:spPr>
        <a:xfrm>
          <a:off x="0" y="1818570"/>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Font typeface="Wingdings" panose="05000000000000000000" pitchFamily="2" charset="2"/>
            <a:buNone/>
          </a:pPr>
          <a:r>
            <a:rPr lang="en-US" sz="2400" kern="1200" dirty="0">
              <a:latin typeface="AmplitudeTF" panose="02000506050000020004" pitchFamily="50" charset="0"/>
            </a:rPr>
            <a:t>Cost</a:t>
          </a:r>
        </a:p>
      </dsp:txBody>
      <dsp:txXfrm>
        <a:off x="0" y="1818570"/>
        <a:ext cx="1875522" cy="907954"/>
      </dsp:txXfrm>
    </dsp:sp>
    <dsp:sp modelId="{A2764CF0-9378-400D-A454-A3C8C6DF5DA3}">
      <dsp:nvSpPr>
        <dsp:cNvPr id="0" name=""/>
        <dsp:cNvSpPr/>
      </dsp:nvSpPr>
      <dsp:spPr>
        <a:xfrm>
          <a:off x="2016186" y="1832757"/>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Understand one-time vs. ongoing costs</a:t>
          </a:r>
        </a:p>
      </dsp:txBody>
      <dsp:txXfrm>
        <a:off x="2016186" y="1832757"/>
        <a:ext cx="7361423" cy="283735"/>
      </dsp:txXfrm>
    </dsp:sp>
    <dsp:sp modelId="{94B70E2D-C58A-4F8D-A504-9A1D27EF640D}">
      <dsp:nvSpPr>
        <dsp:cNvPr id="0" name=""/>
        <dsp:cNvSpPr/>
      </dsp:nvSpPr>
      <dsp:spPr>
        <a:xfrm>
          <a:off x="1875521" y="2116493"/>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F526F9D7-7729-484C-BF65-EFEFD4792AE0}">
      <dsp:nvSpPr>
        <dsp:cNvPr id="0" name=""/>
        <dsp:cNvSpPr/>
      </dsp:nvSpPr>
      <dsp:spPr>
        <a:xfrm>
          <a:off x="2016186" y="2130680"/>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Do you purchase with one-time payment?</a:t>
          </a:r>
        </a:p>
      </dsp:txBody>
      <dsp:txXfrm>
        <a:off x="2016186" y="2130680"/>
        <a:ext cx="7361423" cy="283735"/>
      </dsp:txXfrm>
    </dsp:sp>
    <dsp:sp modelId="{CCDEB7F1-90D7-4C23-AA2B-30C9CAB427E9}">
      <dsp:nvSpPr>
        <dsp:cNvPr id="0" name=""/>
        <dsp:cNvSpPr/>
      </dsp:nvSpPr>
      <dsp:spPr>
        <a:xfrm>
          <a:off x="1875521" y="2414415"/>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2280FC5C-9635-4378-8A5B-DE14B351D077}">
      <dsp:nvSpPr>
        <dsp:cNvPr id="0" name=""/>
        <dsp:cNvSpPr/>
      </dsp:nvSpPr>
      <dsp:spPr>
        <a:xfrm>
          <a:off x="2016186" y="2428602"/>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Are there monthly and/or annual costs?</a:t>
          </a:r>
        </a:p>
      </dsp:txBody>
      <dsp:txXfrm>
        <a:off x="2016186" y="2428602"/>
        <a:ext cx="7361423" cy="283735"/>
      </dsp:txXfrm>
    </dsp:sp>
    <dsp:sp modelId="{33E9450C-A1EA-49D5-9AE4-B7165F7614D5}">
      <dsp:nvSpPr>
        <dsp:cNvPr id="0" name=""/>
        <dsp:cNvSpPr/>
      </dsp:nvSpPr>
      <dsp:spPr>
        <a:xfrm>
          <a:off x="1875521" y="2712338"/>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43721798-8AA9-4093-897B-CC4CED60D368}">
      <dsp:nvSpPr>
        <dsp:cNvPr id="0" name=""/>
        <dsp:cNvSpPr/>
      </dsp:nvSpPr>
      <dsp:spPr>
        <a:xfrm>
          <a:off x="0" y="2726524"/>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DCFAF1EE-96D0-4B66-A898-A4AAA4CE6580}">
      <dsp:nvSpPr>
        <dsp:cNvPr id="0" name=""/>
        <dsp:cNvSpPr/>
      </dsp:nvSpPr>
      <dsp:spPr>
        <a:xfrm>
          <a:off x="0" y="2726524"/>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Font typeface="Wingdings" panose="05000000000000000000" pitchFamily="2" charset="2"/>
            <a:buNone/>
          </a:pPr>
          <a:r>
            <a:rPr lang="en-US" sz="2400" kern="1200" dirty="0">
              <a:latin typeface="AmplitudeTF" panose="02000506050000020004" pitchFamily="50" charset="0"/>
            </a:rPr>
            <a:t>Technical Support</a:t>
          </a:r>
        </a:p>
      </dsp:txBody>
      <dsp:txXfrm>
        <a:off x="0" y="2726524"/>
        <a:ext cx="1875522" cy="907954"/>
      </dsp:txXfrm>
    </dsp:sp>
    <dsp:sp modelId="{11E39BEC-DCA6-4EAA-946E-F3F281CB052D}">
      <dsp:nvSpPr>
        <dsp:cNvPr id="0" name=""/>
        <dsp:cNvSpPr/>
      </dsp:nvSpPr>
      <dsp:spPr>
        <a:xfrm>
          <a:off x="2016186" y="2740711"/>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hat is your technical skill background?</a:t>
          </a:r>
        </a:p>
      </dsp:txBody>
      <dsp:txXfrm>
        <a:off x="2016186" y="2740711"/>
        <a:ext cx="7361423" cy="283735"/>
      </dsp:txXfrm>
    </dsp:sp>
    <dsp:sp modelId="{8A4AC2DB-A462-4516-BD38-E2B772ED33A0}">
      <dsp:nvSpPr>
        <dsp:cNvPr id="0" name=""/>
        <dsp:cNvSpPr/>
      </dsp:nvSpPr>
      <dsp:spPr>
        <a:xfrm>
          <a:off x="1875521" y="3024447"/>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EEDF6214-89CB-4B90-984B-08F164AB05CE}">
      <dsp:nvSpPr>
        <dsp:cNvPr id="0" name=""/>
        <dsp:cNvSpPr/>
      </dsp:nvSpPr>
      <dsp:spPr>
        <a:xfrm>
          <a:off x="2016186" y="3038634"/>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Does the product you are considering have extensive technical support?</a:t>
          </a:r>
        </a:p>
      </dsp:txBody>
      <dsp:txXfrm>
        <a:off x="2016186" y="3038634"/>
        <a:ext cx="7361423" cy="283735"/>
      </dsp:txXfrm>
    </dsp:sp>
    <dsp:sp modelId="{981D23F5-E868-4311-A273-9A76AC585E61}">
      <dsp:nvSpPr>
        <dsp:cNvPr id="0" name=""/>
        <dsp:cNvSpPr/>
      </dsp:nvSpPr>
      <dsp:spPr>
        <a:xfrm>
          <a:off x="1875521" y="3322369"/>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467850BE-6D95-4F73-900E-B8EC11093925}">
      <dsp:nvSpPr>
        <dsp:cNvPr id="0" name=""/>
        <dsp:cNvSpPr/>
      </dsp:nvSpPr>
      <dsp:spPr>
        <a:xfrm>
          <a:off x="2016186" y="3336556"/>
          <a:ext cx="7361423" cy="283735"/>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Does the product you are considering have good documentation?</a:t>
          </a:r>
        </a:p>
      </dsp:txBody>
      <dsp:txXfrm>
        <a:off x="2016186" y="3336556"/>
        <a:ext cx="7361423" cy="283735"/>
      </dsp:txXfrm>
    </dsp:sp>
    <dsp:sp modelId="{3ADF99AD-B22F-4CAF-94C4-7BD7011D9085}">
      <dsp:nvSpPr>
        <dsp:cNvPr id="0" name=""/>
        <dsp:cNvSpPr/>
      </dsp:nvSpPr>
      <dsp:spPr>
        <a:xfrm>
          <a:off x="1875521" y="3620292"/>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3612D0E-7C2B-4F80-B993-4274C65CF94D}">
      <dsp:nvSpPr>
        <dsp:cNvPr id="0" name=""/>
        <dsp:cNvSpPr/>
      </dsp:nvSpPr>
      <dsp:spPr>
        <a:xfrm>
          <a:off x="0" y="3634479"/>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728695A8-A884-4AD2-B585-DFC3DED08445}">
      <dsp:nvSpPr>
        <dsp:cNvPr id="0" name=""/>
        <dsp:cNvSpPr/>
      </dsp:nvSpPr>
      <dsp:spPr>
        <a:xfrm>
          <a:off x="0" y="3634479"/>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Font typeface="Wingdings" panose="05000000000000000000" pitchFamily="2" charset="2"/>
            <a:buNone/>
          </a:pPr>
          <a:r>
            <a:rPr lang="en-US" sz="2400" kern="1200" dirty="0">
              <a:latin typeface="AmplitudeTF" panose="02000506050000020004" pitchFamily="50" charset="0"/>
            </a:rPr>
            <a:t>Timeline</a:t>
          </a:r>
        </a:p>
      </dsp:txBody>
      <dsp:txXfrm>
        <a:off x="0" y="3634479"/>
        <a:ext cx="1875522" cy="907954"/>
      </dsp:txXfrm>
    </dsp:sp>
    <dsp:sp modelId="{A107924A-51FE-4C0D-8217-FDF97B60385D}">
      <dsp:nvSpPr>
        <dsp:cNvPr id="0" name=""/>
        <dsp:cNvSpPr/>
      </dsp:nvSpPr>
      <dsp:spPr>
        <a:xfrm>
          <a:off x="2016186" y="3655581"/>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hat are your immediate and long-term needs?</a:t>
          </a:r>
        </a:p>
      </dsp:txBody>
      <dsp:txXfrm>
        <a:off x="2016186" y="3655581"/>
        <a:ext cx="7361423" cy="422056"/>
      </dsp:txXfrm>
    </dsp:sp>
    <dsp:sp modelId="{CFC63584-8A3F-4D46-A1F4-38C21C62BE6D}">
      <dsp:nvSpPr>
        <dsp:cNvPr id="0" name=""/>
        <dsp:cNvSpPr/>
      </dsp:nvSpPr>
      <dsp:spPr>
        <a:xfrm>
          <a:off x="1875521" y="4077638"/>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4CC81E8-C323-4A8D-A70D-839D1F1BD4CA}">
      <dsp:nvSpPr>
        <dsp:cNvPr id="0" name=""/>
        <dsp:cNvSpPr/>
      </dsp:nvSpPr>
      <dsp:spPr>
        <a:xfrm>
          <a:off x="2016186" y="4098741"/>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ill you need to break up implementation of the product into multiple projects or phases?</a:t>
          </a:r>
        </a:p>
      </dsp:txBody>
      <dsp:txXfrm>
        <a:off x="2016186" y="4098741"/>
        <a:ext cx="7361423" cy="422056"/>
      </dsp:txXfrm>
    </dsp:sp>
    <dsp:sp modelId="{A980988D-C3BC-4318-A280-A43B35476BB2}">
      <dsp:nvSpPr>
        <dsp:cNvPr id="0" name=""/>
        <dsp:cNvSpPr/>
      </dsp:nvSpPr>
      <dsp:spPr>
        <a:xfrm>
          <a:off x="1875521" y="4520798"/>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F6D7E44E-42E3-4C40-A872-518A9AB9A206}">
      <dsp:nvSpPr>
        <dsp:cNvPr id="0" name=""/>
        <dsp:cNvSpPr/>
      </dsp:nvSpPr>
      <dsp:spPr>
        <a:xfrm>
          <a:off x="0" y="4542433"/>
          <a:ext cx="9377610" cy="0"/>
        </a:xfrm>
        <a:prstGeom prst="line">
          <a:avLst/>
        </a:prstGeom>
        <a:solidFill>
          <a:schemeClr val="accent1">
            <a:hueOff val="0"/>
            <a:satOff val="0"/>
            <a:lumOff val="0"/>
            <a:alphaOff val="0"/>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83BD6985-5358-4045-9603-31E63A12FE8D}">
      <dsp:nvSpPr>
        <dsp:cNvPr id="0" name=""/>
        <dsp:cNvSpPr/>
      </dsp:nvSpPr>
      <dsp:spPr>
        <a:xfrm>
          <a:off x="0" y="4542433"/>
          <a:ext cx="1875522" cy="907954"/>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91440" tIns="91440" rIns="91440" bIns="91440" numCol="1" spcCol="1270" anchor="ctr" anchorCtr="0">
          <a:noAutofit/>
        </a:bodyPr>
        <a:lstStyle/>
        <a:p>
          <a:pPr marL="0" lvl="0" indent="0" algn="ctr" defTabSz="1066800">
            <a:lnSpc>
              <a:spcPct val="90000"/>
            </a:lnSpc>
            <a:spcBef>
              <a:spcPct val="0"/>
            </a:spcBef>
            <a:spcAft>
              <a:spcPct val="35000"/>
            </a:spcAft>
            <a:buFont typeface="Wingdings" panose="05000000000000000000" pitchFamily="2" charset="2"/>
            <a:buNone/>
          </a:pPr>
          <a:r>
            <a:rPr lang="en-US" sz="2400" kern="1200" dirty="0">
              <a:latin typeface="AmplitudeTF" panose="02000506050000020004" pitchFamily="50" charset="0"/>
            </a:rPr>
            <a:t>Scalability</a:t>
          </a:r>
        </a:p>
      </dsp:txBody>
      <dsp:txXfrm>
        <a:off x="0" y="4542433"/>
        <a:ext cx="1875522" cy="907954"/>
      </dsp:txXfrm>
    </dsp:sp>
    <dsp:sp modelId="{2F4345AC-9E11-4110-BF2C-CC3440BF4664}">
      <dsp:nvSpPr>
        <dsp:cNvPr id="0" name=""/>
        <dsp:cNvSpPr/>
      </dsp:nvSpPr>
      <dsp:spPr>
        <a:xfrm>
          <a:off x="2016186" y="4563536"/>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ill the system grow/scale with your business growth?</a:t>
          </a:r>
        </a:p>
      </dsp:txBody>
      <dsp:txXfrm>
        <a:off x="2016186" y="4563536"/>
        <a:ext cx="7361423" cy="422056"/>
      </dsp:txXfrm>
    </dsp:sp>
    <dsp:sp modelId="{3F9A475F-2AC4-4BF5-A8E6-8ED2B00A8286}">
      <dsp:nvSpPr>
        <dsp:cNvPr id="0" name=""/>
        <dsp:cNvSpPr/>
      </dsp:nvSpPr>
      <dsp:spPr>
        <a:xfrm>
          <a:off x="1875521" y="4985592"/>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F6504C8F-6C33-48E5-929A-C2A5C9AC5B10}">
      <dsp:nvSpPr>
        <dsp:cNvPr id="0" name=""/>
        <dsp:cNvSpPr/>
      </dsp:nvSpPr>
      <dsp:spPr>
        <a:xfrm>
          <a:off x="2016186" y="5006695"/>
          <a:ext cx="7361423" cy="422056"/>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60960" tIns="60960" rIns="60960" bIns="60960" numCol="1" spcCol="1270" anchor="ctr" anchorCtr="0">
          <a:noAutofit/>
        </a:bodyPr>
        <a:lstStyle/>
        <a:p>
          <a:pPr marL="0" lvl="0" indent="0" algn="l" defTabSz="711200">
            <a:lnSpc>
              <a:spcPct val="90000"/>
            </a:lnSpc>
            <a:spcBef>
              <a:spcPct val="0"/>
            </a:spcBef>
            <a:spcAft>
              <a:spcPct val="35000"/>
            </a:spcAft>
            <a:buFont typeface="Wingdings" panose="05000000000000000000" pitchFamily="2" charset="2"/>
            <a:buNone/>
          </a:pPr>
          <a:r>
            <a:rPr lang="en-US" sz="1600" kern="1200" dirty="0">
              <a:latin typeface="AmplitudeTF" panose="02000506050000020004" pitchFamily="50" charset="0"/>
            </a:rPr>
            <a:t>Will the system last and work after this situation/crisis is over?</a:t>
          </a:r>
        </a:p>
      </dsp:txBody>
      <dsp:txXfrm>
        <a:off x="2016186" y="5006695"/>
        <a:ext cx="7361423" cy="422056"/>
      </dsp:txXfrm>
    </dsp:sp>
    <dsp:sp modelId="{1CEB5678-9939-45E7-B6AD-4822D788B28C}">
      <dsp:nvSpPr>
        <dsp:cNvPr id="0" name=""/>
        <dsp:cNvSpPr/>
      </dsp:nvSpPr>
      <dsp:spPr>
        <a:xfrm>
          <a:off x="1875521" y="5428752"/>
          <a:ext cx="7502088" cy="0"/>
        </a:xfrm>
        <a:prstGeom prst="line">
          <a:avLst/>
        </a:prstGeom>
        <a:solidFill>
          <a:schemeClr val="accent1">
            <a:hueOff val="0"/>
            <a:satOff val="0"/>
            <a:lumOff val="0"/>
            <a:alphaOff val="0"/>
          </a:schemeClr>
        </a:solidFill>
        <a:ln w="25400" cap="flat" cmpd="sng" algn="ctr">
          <a:solidFill>
            <a:schemeClr val="accent1">
              <a:tint val="5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layout1.xml><?xml version="1.0" encoding="utf-8"?>
<dgm:layoutDef xmlns:dgm="http://schemas.openxmlformats.org/drawingml/2006/diagram" xmlns:a="http://schemas.openxmlformats.org/drawingml/2006/main" uniqueId="urn:microsoft.com/office/officeart/2005/8/layout/default">
  <dgm:title val=""/>
  <dgm:desc val=""/>
  <dgm:catLst>
    <dgm:cat type="list" pri="4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default">
  <dgm:title val=""/>
  <dgm:desc val=""/>
  <dgm:catLst>
    <dgm:cat type="list" pri="4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8/layout/LinedList">
  <dgm:title val=""/>
  <dgm:desc val=""/>
  <dgm:catLst>
    <dgm:cat type="hierarchy" pri="8000"/>
    <dgm:cat type="list" pri="25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styleData>
  <dgm:clrData>
    <dgm:dataModel>
      <dgm:ptLst>
        <dgm:pt modelId="0" type="doc"/>
        <dgm:pt modelId="1">
          <dgm:prSet phldr="1"/>
        </dgm:pt>
        <dgm:pt modelId="11">
          <dgm:prSet phldr="1"/>
        </dgm:pt>
        <dgm:pt modelId="12">
          <dgm:prSet phldr="1"/>
        </dgm:pt>
      </dgm:ptLst>
      <dgm:cxnLst>
        <dgm:cxn modelId="2" srcId="0" destId="1" srcOrd="0" destOrd="0"/>
        <dgm:cxn modelId="3" srcId="1" destId="11" srcOrd="0" destOrd="0"/>
        <dgm:cxn modelId="4" srcId="1" destId="12" srcOrd="1" destOrd="0"/>
      </dgm:cxnLst>
      <dgm:bg/>
      <dgm:whole/>
    </dgm:dataModel>
  </dgm:clrData>
  <dgm:layoutNode name="vert0">
    <dgm:varLst>
      <dgm:dir/>
      <dgm:animOne val="branch"/>
      <dgm:animLvl val="lvl"/>
    </dgm:varLst>
    <dgm:choose name="Name0">
      <dgm:if name="Name1" func="var" arg="dir" op="equ" val="norm">
        <dgm:alg type="lin">
          <dgm:param type="linDir" val="fromT"/>
          <dgm:param type="nodeHorzAlign" val="l"/>
        </dgm:alg>
      </dgm:if>
      <dgm:else name="Name2">
        <dgm:alg type="lin">
          <dgm:param type="linDir" val="fromT"/>
          <dgm:param type="nodeHorzAlign" val="r"/>
        </dgm:alg>
      </dgm:else>
    </dgm:choose>
    <dgm:shape xmlns:r="http://schemas.openxmlformats.org/officeDocument/2006/relationships" r:blip="">
      <dgm:adjLst/>
    </dgm:shape>
    <dgm:presOf/>
    <dgm:constrLst>
      <dgm:constr type="w" for="ch" forName="horz1" refType="w"/>
      <dgm:constr type="h" for="ch" forName="horz1" refType="h"/>
      <dgm:constr type="h" for="des" forName="vert1" refType="h"/>
      <dgm:constr type="h" for="des" forName="tx1" refType="h"/>
      <dgm:constr type="h" for="des" forName="horz2" refType="h"/>
      <dgm:constr type="h" for="des" forName="vert2" refType="h"/>
      <dgm:constr type="h" for="des" forName="horz3" refType="h"/>
      <dgm:constr type="h" for="des" forName="vert3" refType="h"/>
      <dgm:constr type="h" for="des" forName="horz4" refType="h"/>
      <dgm:constr type="h" for="des" ptType="node" refType="h"/>
      <dgm:constr type="primFontSz" for="des" forName="tx1" op="equ" val="65"/>
      <dgm:constr type="primFontSz" for="des" forName="tx2" op="equ" val="65"/>
      <dgm:constr type="primFontSz" for="des" forName="tx3" op="equ" val="65"/>
      <dgm:constr type="primFontSz" for="des" forName="tx4" op="equ" val="65"/>
      <dgm:constr type="w" for="des" forName="thickLine" refType="w"/>
      <dgm:constr type="h" for="des" forName="thickLine"/>
      <dgm:constr type="h" for="des" forName="thinLine1"/>
      <dgm:constr type="h" for="des" forName="thinLine2b"/>
      <dgm:constr type="h" for="des" forName="thinLine3"/>
      <dgm:constr type="h" for="des" forName="vertSpace2a" refType="h" fact="0.05"/>
      <dgm:constr type="h" for="des" forName="vertSpace2b" refType="h" refFor="des" refForName="vertSpace2a"/>
    </dgm:constrLst>
    <dgm:forEach name="Name3" axis="ch" ptType="node">
      <dgm:layoutNode name="thickLine" styleLbl="alignNode1">
        <dgm:alg type="sp"/>
        <dgm:shape xmlns:r="http://schemas.openxmlformats.org/officeDocument/2006/relationships" type="line" r:blip="">
          <dgm:adjLst/>
        </dgm:shape>
        <dgm:presOf/>
      </dgm:layoutNode>
      <dgm:layoutNode name="horz1">
        <dgm:choose name="Name4">
          <dgm:if name="Name5" func="var" arg="dir" op="equ" val="norm">
            <dgm:alg type="lin">
              <dgm:param type="linDir" val="fromL"/>
              <dgm:param type="nodeVertAlign" val="t"/>
            </dgm:alg>
          </dgm:if>
          <dgm:else name="Name6">
            <dgm:alg type="lin">
              <dgm:param type="linDir" val="fromR"/>
              <dgm:param type="nodeVertAlign" val="t"/>
            </dgm:alg>
          </dgm:else>
        </dgm:choose>
        <dgm:shape xmlns:r="http://schemas.openxmlformats.org/officeDocument/2006/relationships" r:blip="">
          <dgm:adjLst/>
        </dgm:shape>
        <dgm:presOf/>
        <dgm:choose name="Name7">
          <dgm:if name="Name8" axis="root des" func="maxDepth" op="equ" val="1">
            <dgm:constrLst>
              <dgm:constr type="w" for="ch" forName="tx1" refType="w"/>
            </dgm:constrLst>
          </dgm:if>
          <dgm:if name="Name9" axis="root des" func="maxDepth" op="equ" val="2">
            <dgm:constrLst>
              <dgm:constr type="w" for="ch" forName="tx1" refType="w" fact="0.2"/>
              <dgm:constr type="w" for="des" forName="tx2" refType="w" fact="0.785"/>
              <dgm:constr type="w" for="des" forName="horzSpace2" refType="w" fact="0.015"/>
              <dgm:constr type="w" for="des" forName="thinLine2b" refType="w" fact="0.8"/>
            </dgm:constrLst>
          </dgm:if>
          <dgm:if name="Name10" axis="root des" func="maxDepth" op="equ" val="3">
            <dgm:constrLst>
              <dgm:constr type="w" for="ch" forName="tx1" refType="w" fact="0.2"/>
              <dgm:constr type="w" for="des" forName="tx2" refType="w" fact="0.385"/>
              <dgm:constr type="w" for="des" forName="tx3" refType="w" fact="0.385"/>
              <dgm:constr type="w" for="des" forName="horzSpace2" refType="w" fact="0.015"/>
              <dgm:constr type="w" for="des" forName="horzSpace3" refType="w" fact="0.015"/>
              <dgm:constr type="w" for="des" forName="thinLine2b" refType="w" fact="0.8"/>
              <dgm:constr type="w" for="des" forName="thinLine3" refType="w" fact="0.385"/>
            </dgm:constrLst>
          </dgm:if>
          <dgm:if name="Name11" axis="root des" func="maxDepth" op="gte" val="4">
            <dgm:constrLst>
              <dgm:constr type="w" for="ch" forName="tx1" refType="w" fact="0.2"/>
              <dgm:constr type="w" for="des" forName="tx2" refType="w" fact="0.2516"/>
              <dgm:constr type="w" for="des" forName="tx3" refType="w" fact="0.2516"/>
              <dgm:constr type="w" for="des" forName="tx4" refType="w" fact="0.2516"/>
              <dgm:constr type="w" for="des" forName="horzSpace2" refType="w" fact="0.015"/>
              <dgm:constr type="w" for="des" forName="horzSpace3" refType="w" fact="0.015"/>
              <dgm:constr type="w" for="des" forName="horzSpace4" refType="w" fact="0.015"/>
              <dgm:constr type="w" for="des" forName="thinLine2b" refType="w" fact="0.8"/>
              <dgm:constr type="w" for="des" forName="thinLine3" refType="w" fact="0.5332"/>
            </dgm:constrLst>
          </dgm:if>
          <dgm:else name="Name12"/>
        </dgm:choose>
        <dgm:layoutNode name="tx1"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1">
          <dgm:choose name="Name13">
            <dgm:if name="Name14" func="var" arg="dir" op="equ" val="norm">
              <dgm:alg type="lin">
                <dgm:param type="linDir" val="fromT"/>
                <dgm:param type="nodeHorzAlign" val="l"/>
              </dgm:alg>
            </dgm:if>
            <dgm:else name="Name15">
              <dgm:alg type="lin">
                <dgm:param type="linDir" val="fromT"/>
                <dgm:param type="nodeHorzAlign" val="r"/>
              </dgm:alg>
            </dgm:else>
          </dgm:choose>
          <dgm:shape xmlns:r="http://schemas.openxmlformats.org/officeDocument/2006/relationships" r:blip="">
            <dgm:adjLst/>
          </dgm:shape>
          <dgm:presOf/>
          <dgm:forEach name="Name16" axis="ch" ptType="node">
            <dgm:choose name="Name17">
              <dgm:if name="Name18" axis="self" ptType="node" func="pos" op="equ" val="1">
                <dgm:layoutNode name="vertSpace2a">
                  <dgm:alg type="sp"/>
                  <dgm:shape xmlns:r="http://schemas.openxmlformats.org/officeDocument/2006/relationships" r:blip="">
                    <dgm:adjLst/>
                  </dgm:shape>
                  <dgm:presOf/>
                </dgm:layoutNode>
              </dgm:if>
              <dgm:else name="Name19"/>
            </dgm:choose>
            <dgm:layoutNode name="horz2">
              <dgm:choose name="Name20">
                <dgm:if name="Name21" func="var" arg="dir" op="equ" val="norm">
                  <dgm:alg type="lin">
                    <dgm:param type="linDir" val="fromL"/>
                    <dgm:param type="nodeVertAlign" val="t"/>
                  </dgm:alg>
                </dgm:if>
                <dgm:else name="Name22">
                  <dgm:alg type="lin">
                    <dgm:param type="linDir" val="fromR"/>
                    <dgm:param type="nodeVertAlign" val="t"/>
                  </dgm:alg>
                </dgm:else>
              </dgm:choose>
              <dgm:shape xmlns:r="http://schemas.openxmlformats.org/officeDocument/2006/relationships" r:blip="">
                <dgm:adjLst/>
              </dgm:shape>
              <dgm:presOf/>
              <dgm:layoutNode name="horzSpace2">
                <dgm:alg type="sp"/>
                <dgm:shape xmlns:r="http://schemas.openxmlformats.org/officeDocument/2006/relationships" r:blip="">
                  <dgm:adjLst/>
                </dgm:shape>
                <dgm:presOf/>
              </dgm:layoutNode>
              <dgm:layoutNode name="tx2"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2">
                <dgm:choose name="Name23">
                  <dgm:if name="Name24" func="var" arg="dir" op="equ" val="norm">
                    <dgm:alg type="lin">
                      <dgm:param type="linDir" val="fromT"/>
                      <dgm:param type="nodeHorzAlign" val="l"/>
                    </dgm:alg>
                  </dgm:if>
                  <dgm:else name="Name25">
                    <dgm:alg type="lin">
                      <dgm:param type="linDir" val="fromT"/>
                      <dgm:param type="nodeHorzAlign" val="r"/>
                    </dgm:alg>
                  </dgm:else>
                </dgm:choose>
                <dgm:shape xmlns:r="http://schemas.openxmlformats.org/officeDocument/2006/relationships" r:blip="">
                  <dgm:adjLst/>
                </dgm:shape>
                <dgm:presOf/>
                <dgm:forEach name="Name26" axis="ch" ptType="node">
                  <dgm:layoutNode name="horz3">
                    <dgm:choose name="Name27">
                      <dgm:if name="Name28" func="var" arg="dir" op="equ" val="norm">
                        <dgm:alg type="lin">
                          <dgm:param type="linDir" val="fromL"/>
                          <dgm:param type="nodeVertAlign" val="t"/>
                        </dgm:alg>
                      </dgm:if>
                      <dgm:else name="Name29">
                        <dgm:alg type="lin">
                          <dgm:param type="linDir" val="fromR"/>
                          <dgm:param type="nodeVertAlign" val="t"/>
                        </dgm:alg>
                      </dgm:else>
                    </dgm:choose>
                    <dgm:shape xmlns:r="http://schemas.openxmlformats.org/officeDocument/2006/relationships" r:blip="">
                      <dgm:adjLst/>
                    </dgm:shape>
                    <dgm:presOf/>
                    <dgm:layoutNode name="horzSpace3">
                      <dgm:alg type="sp"/>
                      <dgm:shape xmlns:r="http://schemas.openxmlformats.org/officeDocument/2006/relationships" r:blip="">
                        <dgm:adjLst/>
                      </dgm:shape>
                      <dgm:presOf/>
                    </dgm:layoutNode>
                    <dgm:layoutNode name="tx3" styleLbl="revTx">
                      <dgm:alg type="tx">
                        <dgm:param type="parTxLTRAlign" val="l"/>
                        <dgm:param type="parTxRTLAlign" val="r"/>
                        <dgm:param type="txAnchorVert" val="t"/>
                      </dgm:alg>
                      <dgm:shape xmlns:r="http://schemas.openxmlformats.org/officeDocument/2006/relationships" type="rect" r:blip="">
                        <dgm:adjLst/>
                      </dgm:shape>
                      <dgm:presOf axis="self"/>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vert3">
                      <dgm:choose name="Name30">
                        <dgm:if name="Name31" func="var" arg="dir" op="equ" val="norm">
                          <dgm:alg type="lin">
                            <dgm:param type="linDir" val="fromT"/>
                            <dgm:param type="nodeHorzAlign" val="l"/>
                          </dgm:alg>
                        </dgm:if>
                        <dgm:else name="Name32">
                          <dgm:alg type="lin">
                            <dgm:param type="linDir" val="fromT"/>
                            <dgm:param type="nodeHorzAlign" val="r"/>
                          </dgm:alg>
                        </dgm:else>
                      </dgm:choose>
                      <dgm:shape xmlns:r="http://schemas.openxmlformats.org/officeDocument/2006/relationships" r:blip="">
                        <dgm:adjLst/>
                      </dgm:shape>
                      <dgm:presOf/>
                      <dgm:forEach name="Name33" axis="ch" ptType="node">
                        <dgm:layoutNode name="horz4">
                          <dgm:choose name="Name34">
                            <dgm:if name="Name35" func="var" arg="dir" op="equ" val="norm">
                              <dgm:alg type="lin">
                                <dgm:param type="linDir" val="fromL"/>
                                <dgm:param type="nodeVertAlign" val="t"/>
                              </dgm:alg>
                            </dgm:if>
                            <dgm:else name="Name36">
                              <dgm:alg type="lin">
                                <dgm:param type="linDir" val="fromR"/>
                                <dgm:param type="nodeVertAlign" val="t"/>
                              </dgm:alg>
                            </dgm:else>
                          </dgm:choose>
                          <dgm:shape xmlns:r="http://schemas.openxmlformats.org/officeDocument/2006/relationships" r:blip="">
                            <dgm:adjLst/>
                          </dgm:shape>
                          <dgm:presOf/>
                          <dgm:layoutNode name="horzSpace4">
                            <dgm:alg type="sp"/>
                            <dgm:shape xmlns:r="http://schemas.openxmlformats.org/officeDocument/2006/relationships" r:blip="">
                              <dgm:adjLst/>
                            </dgm:shape>
                            <dgm:presOf/>
                          </dgm:layoutNode>
                          <dgm:layoutNode name="tx4" styleLbl="revTx">
                            <dgm:varLst>
                              <dgm:bulletEnabled val="1"/>
                            </dgm:varLst>
                            <dgm:alg type="tx">
                              <dgm:param type="parTxLTRAlign" val="l"/>
                              <dgm:param type="parTxRTLAlign" val="r"/>
                              <dgm:param type="txAnchorVert" val="t"/>
                            </dgm:alg>
                            <dgm:shape xmlns:r="http://schemas.openxmlformats.org/officeDocument/2006/relationships" type="rect" r:blip="">
                              <dgm:adjLst/>
                            </dgm:shape>
                            <dgm:presOf axis="desOrSelf" ptType="node"/>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dgm:forEach>
                    </dgm:layoutNode>
                  </dgm:layoutNode>
                  <dgm:forEach name="Name37" axis="followSib" ptType="sibTrans" cnt="1">
                    <dgm:layoutNode name="thinLine3" styleLbl="callout">
                      <dgm:alg type="sp"/>
                      <dgm:shape xmlns:r="http://schemas.openxmlformats.org/officeDocument/2006/relationships" type="line" r:blip="">
                        <dgm:adjLst/>
                      </dgm:shape>
                      <dgm:presOf/>
                    </dgm:layoutNode>
                  </dgm:forEach>
                </dgm:forEach>
              </dgm:layoutNode>
            </dgm:layoutNode>
            <dgm:layoutNode name="thinLine2b" styleLbl="callout">
              <dgm:alg type="sp"/>
              <dgm:shape xmlns:r="http://schemas.openxmlformats.org/officeDocument/2006/relationships" type="line" r:blip="">
                <dgm:adjLst/>
              </dgm:shape>
              <dgm:presOf/>
            </dgm:layoutNode>
            <dgm:layoutNode name="vertSpace2b">
              <dgm:alg type="sp"/>
              <dgm:shape xmlns:r="http://schemas.openxmlformats.org/officeDocument/2006/relationships" r:blip="">
                <dgm:adjLst/>
              </dgm:shape>
              <dgm:presOf/>
            </dgm:layoutNode>
          </dgm:forEach>
        </dgm:layoutNode>
      </dgm:layoutNod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3306556"/>
            <a:ext cx="13249656" cy="369332"/>
          </a:xfrm>
        </p:spPr>
        <p:txBody>
          <a:bodyPr vert="horz" wrap="square" lIns="0" tIns="0" rIns="0" bIns="0" anchor="b">
            <a:spAutoFit/>
          </a:bodyPr>
          <a:lstStyle>
            <a:lvl1pPr algn="l">
              <a:spcBef>
                <a:spcPct val="950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3922776"/>
            <a:ext cx="4379976" cy="384048"/>
          </a:xfrm>
        </p:spPr>
        <p:txBody>
          <a:bodyPr vert="horz" wrap="none" lIns="0" tIns="0" rIns="0" bIns="0" anchor="t">
            <a:noAutofit/>
          </a:bodyPr>
          <a:lstStyle>
            <a:lvl1pPr marL="0" indent="0" algn="l">
              <a:spcBef>
                <a:spcPts val="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3502152" y="676656"/>
            <a:ext cx="10442448" cy="192024"/>
          </a:xfrm>
          <a:prstGeom prst="rect">
            <a:avLst/>
          </a:prstGeom>
          <a:noFill/>
        </p:spPr>
        <p:txBody>
          <a:bodyPr vert="horz" wrap="none" lIns="0" tIns="0" rIns="0" bIns="0" rtlCol="0" anchor="ctr">
            <a:no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10" name="PlaceholderDate"/>
          <p:cNvSpPr>
            <a:spLocks noGrp="1"/>
          </p:cNvSpPr>
          <p:nvPr>
            <p:ph type="body" sz="quarter" idx="13" hasCustomPrompt="1"/>
          </p:nvPr>
        </p:nvSpPr>
        <p:spPr>
          <a:xfrm>
            <a:off x="5385816" y="3922776"/>
            <a:ext cx="4379976" cy="384048"/>
          </a:xfrm>
          <a:prstGeom prst="rect">
            <a:avLst/>
          </a:prstGeom>
        </p:spPr>
        <p:txBody>
          <a:bodyPr vert="horz" wrap="none" lIns="0" tIns="0" rIns="0" bIns="0" anchor="t">
            <a:noAutofit/>
          </a:bodyPr>
          <a:lstStyle>
            <a:lvl1pPr marL="3175" indent="0" algn="l">
              <a:spcBef>
                <a:spcPts val="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205218370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84922856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0758064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25296774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71408527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09023647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34317073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10319161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2807208"/>
            <a:ext cx="13249656" cy="164592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Click to edit Section Divider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694944" y="4599432"/>
            <a:ext cx="13249656" cy="438912"/>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694944" y="7214616"/>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
          <p:cNvSpPr txBox="1"/>
          <p:nvPr userDrawn="1"/>
        </p:nvSpPr>
        <p:spPr>
          <a:xfrm>
            <a:off x="3502152" y="7430608"/>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9" name="PageNumber"/>
          <p:cNvSpPr txBox="1"/>
          <p:nvPr userDrawn="1"/>
        </p:nvSpPr>
        <p:spPr>
          <a:xfrm>
            <a:off x="7150608" y="7532992"/>
            <a:ext cx="329184" cy="140488"/>
          </a:xfrm>
          <a:prstGeom prst="rect">
            <a:avLst/>
          </a:prstGeom>
          <a:noFill/>
        </p:spPr>
        <p:txBody>
          <a:bodyPr vert="horz" wrap="square" lIns="0" tIns="0" rIns="0" bIns="0" rtlCol="0" anchor="ctr">
            <a:spAutoFit/>
          </a:bodyPr>
          <a:lstStyle/>
          <a:p>
            <a:pPr algn="l">
              <a:lnSpc>
                <a:spcPct val="110000"/>
              </a:lnSpc>
            </a:pPr>
            <a:endParaRPr lang="en-US" sz="900" b="0" i="0" dirty="0">
              <a:solidFill>
                <a:schemeClr val="tx2"/>
              </a:solidFill>
              <a:latin typeface="Arial" panose="020B0604020202020204" pitchFamily="34" charset="0"/>
            </a:endParaRPr>
          </a:p>
        </p:txBody>
      </p:sp>
      <p:sp>
        <p:nvSpPr>
          <p:cNvPr id="2" name="Rectangle 1">
            <a:extLst>
              <a:ext uri="{FF2B5EF4-FFF2-40B4-BE49-F238E27FC236}">
                <a16:creationId xmlns:a16="http://schemas.microsoft.com/office/drawing/2014/main" id="{A1CBBF7C-9939-4EFF-9C8D-A4BB45E9F46E}"/>
              </a:ext>
            </a:extLst>
          </p:cNvPr>
          <p:cNvSpPr>
            <a:spLocks noChangeAspect="1"/>
          </p:cNvSpPr>
          <p:nvPr userDrawn="1">
            <p:custDataLst>
              <p:tags r:id="rId1"/>
            </p:custDataLst>
          </p:nvPr>
        </p:nvSpPr>
        <p:spPr>
          <a:xfrm>
            <a:off x="10632094" y="7443216"/>
            <a:ext cx="3303362" cy="222199"/>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55034412"/>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694944" y="484632"/>
            <a:ext cx="13249656" cy="722376"/>
          </a:xfrm>
          <a:prstGeom prst="rect">
            <a:avLst/>
          </a:prstGeom>
          <a:noFill/>
        </p:spPr>
        <p:txBody>
          <a:bodyPr vert="horz" wrap="square" lIns="0" tIns="0" rIns="0" bIns="0" rtlCol="0" anchor="b">
            <a:noAutofit/>
          </a:bodyPr>
          <a:lstStyle/>
          <a:p>
            <a:pPr algn="l">
              <a:lnSpc>
                <a:spcPct val="110000"/>
              </a:lnSpc>
            </a:pPr>
            <a:r>
              <a:rPr lang="en-US" sz="1800" b="0" i="0" dirty="0">
                <a:solidFill>
                  <a:schemeClr val="tx2"/>
                </a:solidFill>
                <a:latin typeface="AmplitudeTF" panose="02000506050000020004" pitchFamily="50" charset="0"/>
              </a:rPr>
              <a:t>Agenda</a:t>
            </a:r>
          </a:p>
        </p:txBody>
      </p:sp>
      <p:sp>
        <p:nvSpPr>
          <p:cNvPr id="4" name="AgendaPage"/>
          <p:cNvSpPr txBox="1"/>
          <p:nvPr userDrawn="1">
            <p:custDataLst>
              <p:tags r:id="rId2"/>
            </p:custDataLst>
          </p:nvPr>
        </p:nvSpPr>
        <p:spPr>
          <a:xfrm>
            <a:off x="13555072" y="1773936"/>
            <a:ext cx="389529" cy="295337"/>
          </a:xfrm>
          <a:prstGeom prst="rect">
            <a:avLst/>
          </a:prstGeom>
          <a:noFill/>
        </p:spPr>
        <p:txBody>
          <a:bodyPr vert="horz" wrap="none" lIns="0" tIns="45720" rIns="0" bIns="45720" rtlCol="0" anchor="t">
            <a:spAutoFit/>
          </a:bodyPr>
          <a:lstStyle/>
          <a:p>
            <a:pPr algn="r">
              <a:lnSpc>
                <a:spcPct val="110000"/>
              </a:lnSpc>
            </a:pPr>
            <a:r>
              <a:rPr lang="en-US" sz="1300" b="0" i="0" dirty="0">
                <a:solidFill>
                  <a:schemeClr val="tx2"/>
                </a:solidFill>
                <a:latin typeface="Arial" panose="020B0604020202020204" pitchFamily="34" charset="0"/>
              </a:rPr>
              <a:t>Page</a:t>
            </a:r>
          </a:p>
        </p:txBody>
      </p:sp>
      <p:sp>
        <p:nvSpPr>
          <p:cNvPr id="5" name="AgendaTable"/>
          <p:cNvSpPr>
            <a:spLocks noGrp="1"/>
          </p:cNvSpPr>
          <p:nvPr>
            <p:ph type="tbl" idx="10"/>
          </p:nvPr>
        </p:nvSpPr>
        <p:spPr>
          <a:xfrm>
            <a:off x="667512" y="2157984"/>
            <a:ext cx="13249656" cy="5321808"/>
          </a:xfrm>
        </p:spPr>
        <p:txBody>
          <a:bodyPr/>
          <a:lstStyle>
            <a:lvl1pPr marL="3175" indent="0">
              <a:buFontTx/>
              <a:buNone/>
              <a:defRPr sz="1300" b="0" i="0">
                <a:solidFill>
                  <a:schemeClr val="bg2"/>
                </a:solidFill>
                <a:latin typeface="AmplitudeTF" panose="02000506050000020004" pitchFamily="50" charset="0"/>
              </a:defRPr>
            </a:lvl1pPr>
          </a:lstStyle>
          <a:p>
            <a:r>
              <a:rPr lang="en-US" dirty="0"/>
              <a:t>Click icon to add table</a:t>
            </a:r>
          </a:p>
        </p:txBody>
      </p:sp>
    </p:spTree>
    <p:extLst>
      <p:ext uri="{BB962C8B-B14F-4D97-AF65-F5344CB8AC3E}">
        <p14:creationId xmlns:p14="http://schemas.microsoft.com/office/powerpoint/2010/main" val="1705890376"/>
      </p:ext>
    </p:extLst>
  </p:cSld>
  <p:clrMapOvr>
    <a:masterClrMapping/>
  </p:clrMapOvr>
  <p:hf sldNum="0" hdr="0" ft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321808"/>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mplitudeTF" panose="02000506050000020004" pitchFamily="50" charset="0"/>
              </a:defRPr>
            </a:lvl1pPr>
            <a:lvl2pPr marL="27432" indent="0" algn="l">
              <a:lnSpc>
                <a:spcPct val="110000"/>
              </a:lnSpc>
              <a:spcBef>
                <a:spcPct val="0"/>
              </a:spcBef>
              <a:buFontTx/>
              <a:buNone/>
              <a:defRPr sz="1200" b="0" i="0">
                <a:solidFill>
                  <a:schemeClr val="tx2"/>
                </a:solidFill>
                <a:latin typeface="AmplitudeTF" panose="02000506050000020004" pitchFamily="50" charset="0"/>
              </a:defRPr>
            </a:lvl2pPr>
            <a:lvl3pPr marL="173736" indent="0" algn="l">
              <a:lnSpc>
                <a:spcPct val="110000"/>
              </a:lnSpc>
              <a:spcBef>
                <a:spcPct val="0"/>
              </a:spcBef>
              <a:buFontTx/>
              <a:buNone/>
              <a:defRPr sz="1200" b="0" i="0">
                <a:solidFill>
                  <a:schemeClr val="tx2"/>
                </a:solidFill>
                <a:latin typeface="AmplitudeTF" panose="02000506050000020004" pitchFamily="50" charset="0"/>
              </a:defRPr>
            </a:lvl3pPr>
            <a:lvl4pPr marL="338328" indent="0" algn="l">
              <a:lnSpc>
                <a:spcPct val="110000"/>
              </a:lnSpc>
              <a:spcBef>
                <a:spcPct val="0"/>
              </a:spcBef>
              <a:buFontTx/>
              <a:buNone/>
              <a:defRPr sz="1200" b="0" i="0">
                <a:solidFill>
                  <a:schemeClr val="tx2"/>
                </a:solidFill>
                <a:latin typeface="AmplitudeTF" panose="02000506050000020004" pitchFamily="50" charset="0"/>
              </a:defRPr>
            </a:lvl4pPr>
            <a:lvl5pPr marL="502920" indent="0" algn="l">
              <a:lnSpc>
                <a:spcPct val="110000"/>
              </a:lnSpc>
              <a:spcBef>
                <a:spcPct val="0"/>
              </a:spcBef>
              <a:buFontTx/>
              <a:buNone/>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02893150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4215384"/>
            <a:ext cx="13249656" cy="1453896"/>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5760720"/>
            <a:ext cx="4379976" cy="384048"/>
          </a:xfr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cxnSp>
        <p:nvCxnSpPr>
          <p:cNvPr id="6" name="Straight Connector 5"/>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10" name="PlaceholderDate"/>
          <p:cNvSpPr>
            <a:spLocks noGrp="1"/>
          </p:cNvSpPr>
          <p:nvPr>
            <p:ph type="body" sz="quarter" idx="13" hasCustomPrompt="1"/>
          </p:nvPr>
        </p:nvSpPr>
        <p:spPr>
          <a:xfrm>
            <a:off x="704088" y="5760720"/>
            <a:ext cx="4379976" cy="384048"/>
          </a:xfrm>
          <a:prstGeom prst="rect">
            <a:avLst/>
          </a:prstGeo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   [Date]</a:t>
            </a:r>
          </a:p>
        </p:txBody>
      </p:sp>
      <p:sp>
        <p:nvSpPr>
          <p:cNvPr id="11" name="CoverGraphic"/>
          <p:cNvSpPr>
            <a:spLocks noGrp="1"/>
          </p:cNvSpPr>
          <p:nvPr>
            <p:ph type="pic" sz="quarter" idx="14" hasCustomPrompt="1"/>
            <p:custDataLst>
              <p:tags r:id="rId1"/>
            </p:custDataLst>
          </p:nvPr>
        </p:nvSpPr>
        <p:spPr>
          <a:xfrm>
            <a:off x="694944" y="1691640"/>
            <a:ext cx="13249656" cy="2514600"/>
          </a:xfrm>
          <a:prstGeom prst="rect">
            <a:avLst/>
          </a:prstGeom>
        </p:spPr>
        <p:txBody>
          <a:bodyPr vert="horz" wrap="square" lIns="36576" tIns="36576" rIns="36576" bIns="36576" anchor="t">
            <a:noAutofit/>
          </a:bodyPr>
          <a:lstStyle>
            <a:lvl1pPr marL="3175" indent="0" algn="r">
              <a:buFontTx/>
              <a:buNone/>
              <a:defRPr sz="1100" b="0" i="0">
                <a:solidFill>
                  <a:schemeClr val="bg2"/>
                </a:solidFill>
                <a:latin typeface="AmplitudeTF" panose="02000506050000020004" pitchFamily="50" charset="0"/>
              </a:defRPr>
            </a:lvl1pPr>
          </a:lstStyle>
          <a:p>
            <a:r>
              <a:rPr lang="en-US" dirty="0"/>
              <a:t>[COVER GRAPHIC]</a:t>
            </a:r>
          </a:p>
        </p:txBody>
      </p:sp>
    </p:spTree>
    <p:extLst>
      <p:ext uri="{BB962C8B-B14F-4D97-AF65-F5344CB8AC3E}">
        <p14:creationId xmlns:p14="http://schemas.microsoft.com/office/powerpoint/2010/main" val="104586761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565573904"/>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13249656"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2602224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6227064"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2029968"/>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7717536"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717536"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098434012"/>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69494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239512"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979322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8069883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3108960"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406908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45236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10826496"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694944"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406908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7"/>
          <p:cNvSpPr>
            <a:spLocks noGrp="1"/>
          </p:cNvSpPr>
          <p:nvPr>
            <p:ph sz="quarter" idx="16"/>
          </p:nvPr>
        </p:nvSpPr>
        <p:spPr>
          <a:xfrm>
            <a:off x="745236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8"/>
          <p:cNvSpPr>
            <a:spLocks noGrp="1"/>
          </p:cNvSpPr>
          <p:nvPr>
            <p:ph sz="quarter" idx="17"/>
          </p:nvPr>
        </p:nvSpPr>
        <p:spPr>
          <a:xfrm>
            <a:off x="10826496"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PageSubtitle"/>
          <p:cNvSpPr>
            <a:spLocks noGrp="1"/>
          </p:cNvSpPr>
          <p:nvPr>
            <p:ph type="subTitle" sz="quarter" idx="18"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4417579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694944" y="2231136"/>
            <a:ext cx="319125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4526280" y="2231136"/>
            <a:ext cx="9418320"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4206240" y="2231136"/>
            <a:ext cx="0" cy="4745736"/>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1115363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sp>
        <p:nvSpPr>
          <p:cNvPr id="3" name="Freeform 8"/>
          <p:cNvSpPr>
            <a:spLocks noGrp="1"/>
          </p:cNvSpPr>
          <p:nvPr>
            <p:ph type="pic" idx="10"/>
          </p:nvPr>
        </p:nvSpPr>
        <p:spPr>
          <a:xfrm>
            <a:off x="0" y="0"/>
            <a:ext cx="14630400" cy="8229600"/>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Rectangle 7"/>
          <p:cNvSpPr>
            <a:spLocks noGrp="1"/>
          </p:cNvSpPr>
          <p:nvPr>
            <p:ph type="body" sz="quarter" idx="11" hasCustomPrompt="1"/>
          </p:nvPr>
        </p:nvSpPr>
        <p:spPr>
          <a:xfrm>
            <a:off x="0" y="287121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Text Placeholder 4"/>
          <p:cNvSpPr>
            <a:spLocks noGrp="1"/>
          </p:cNvSpPr>
          <p:nvPr>
            <p:ph type="body" sz="quarter" idx="12" hasCustomPrompt="1"/>
          </p:nvPr>
        </p:nvSpPr>
        <p:spPr>
          <a:xfrm>
            <a:off x="0" y="6099048"/>
            <a:ext cx="14639544"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466344" y="3502152"/>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66344" y="3099816"/>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401321477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Freeform 8"/>
          <p:cNvSpPr>
            <a:spLocks noGrp="1"/>
          </p:cNvSpPr>
          <p:nvPr>
            <p:ph type="pic" idx="10" hasCustomPrompt="1"/>
          </p:nvPr>
        </p:nvSpPr>
        <p:spPr>
          <a:xfrm>
            <a:off x="329184" y="274320"/>
            <a:ext cx="13990320" cy="7680960"/>
          </a:xfrm>
        </p:spPr>
        <p:txBody>
          <a:bodyPr/>
          <a:lstStyle>
            <a:lvl1pPr marL="3175" indent="0">
              <a:buFontTx/>
              <a:buNone/>
              <a:defRPr>
                <a:latin typeface="AmplitudeTF" panose="02000506050000020004" pitchFamily="50" charset="0"/>
              </a:defRPr>
            </a:lvl1pPr>
          </a:lstStyle>
          <a:p>
            <a:r>
              <a:rPr lang="en-US" dirty="0"/>
              <a:t>Click on Insert Picture to add image</a:t>
            </a:r>
          </a:p>
        </p:txBody>
      </p:sp>
      <p:sp>
        <p:nvSpPr>
          <p:cNvPr id="4" name="Rectangle 6"/>
          <p:cNvSpPr>
            <a:spLocks noGrp="1"/>
          </p:cNvSpPr>
          <p:nvPr>
            <p:ph type="body" sz="quarter" idx="11" hasCustomPrompt="1"/>
          </p:nvPr>
        </p:nvSpPr>
        <p:spPr>
          <a:xfrm>
            <a:off x="329184" y="314553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Rectangle 3"/>
          <p:cNvSpPr>
            <a:spLocks noGrp="1"/>
          </p:cNvSpPr>
          <p:nvPr>
            <p:ph type="body" sz="quarter" idx="12" hasCustomPrompt="1"/>
          </p:nvPr>
        </p:nvSpPr>
        <p:spPr>
          <a:xfrm>
            <a:off x="329184" y="6373368"/>
            <a:ext cx="14008608"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795528" y="3785616"/>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795528" y="3364992"/>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88047911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ustom Cover 3">
    <p:spTree>
      <p:nvGrpSpPr>
        <p:cNvPr id="1" name=""/>
        <p:cNvGrpSpPr/>
        <p:nvPr/>
      </p:nvGrpSpPr>
      <p:grpSpPr>
        <a:xfrm>
          <a:off x="0" y="0"/>
          <a:ext cx="0" cy="0"/>
          <a:chOff x="0" y="0"/>
          <a:chExt cx="0" cy="0"/>
        </a:xfrm>
      </p:grpSpPr>
      <p:sp>
        <p:nvSpPr>
          <p:cNvPr id="3" name="Freeform 8"/>
          <p:cNvSpPr>
            <a:spLocks noGrp="1"/>
          </p:cNvSpPr>
          <p:nvPr>
            <p:ph type="pic" idx="10"/>
          </p:nvPr>
        </p:nvSpPr>
        <p:spPr>
          <a:xfrm>
            <a:off x="484632" y="1197864"/>
            <a:ext cx="4297680" cy="4700016"/>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Freeform 12"/>
          <p:cNvSpPr>
            <a:spLocks noGrp="1"/>
          </p:cNvSpPr>
          <p:nvPr>
            <p:ph type="pic" sz="quarter" idx="11"/>
          </p:nvPr>
        </p:nvSpPr>
        <p:spPr>
          <a:xfrm>
            <a:off x="5157216"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5" name="Freeform 14"/>
          <p:cNvSpPr>
            <a:spLocks noGrp="1"/>
          </p:cNvSpPr>
          <p:nvPr>
            <p:ph type="pic" sz="quarter" idx="12"/>
          </p:nvPr>
        </p:nvSpPr>
        <p:spPr>
          <a:xfrm>
            <a:off x="9838944"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6" name="PlaceholderDate"/>
          <p:cNvSpPr>
            <a:spLocks noGrp="1"/>
          </p:cNvSpPr>
          <p:nvPr>
            <p:ph type="body" sz="quarter" idx="13" hasCustomPrompt="1"/>
          </p:nvPr>
        </p:nvSpPr>
        <p:spPr>
          <a:xfrm>
            <a:off x="12408408" y="841248"/>
            <a:ext cx="1609344" cy="274320"/>
          </a:xfrm>
          <a:prstGeom prst="rect">
            <a:avLst/>
          </a:prstGeom>
        </p:spPr>
        <p:txBody>
          <a:bodyPr vert="horz" wrap="none" lIns="0" tIns="0" rIns="0" bIns="0" anchor="ctr">
            <a:noAutofit/>
          </a:bodyPr>
          <a:lstStyle>
            <a:lvl1pPr marL="3175" indent="0" algn="r">
              <a:lnSpc>
                <a:spcPct val="110000"/>
              </a:lnSpc>
              <a:spcBef>
                <a:spcPts val="0"/>
              </a:spcBef>
              <a:buFontTx/>
              <a:buNone/>
              <a:defRPr sz="1100" b="0" i="0" cap="all">
                <a:solidFill>
                  <a:schemeClr val="bg2"/>
                </a:solidFill>
                <a:latin typeface="AmplitudeTF" panose="02000506050000020004" pitchFamily="50" charset="0"/>
              </a:defRPr>
            </a:lvl1pPr>
            <a:lvl2pPr marL="27432" indent="0" algn="r">
              <a:buFontTx/>
              <a:buNone/>
              <a:defRPr sz="1100" b="0" i="0" cap="all">
                <a:solidFill>
                  <a:schemeClr val="bg2"/>
                </a:solidFill>
                <a:latin typeface="Arial" panose="020B0604020202020204" pitchFamily="34" charset="0"/>
              </a:defRPr>
            </a:lvl2pPr>
            <a:lvl3pPr marL="173736" indent="0" algn="r">
              <a:buFontTx/>
              <a:buNone/>
              <a:defRPr sz="1100" b="0" i="0" cap="all">
                <a:solidFill>
                  <a:schemeClr val="bg2"/>
                </a:solidFill>
                <a:latin typeface="Arial" panose="020B0604020202020204" pitchFamily="34" charset="0"/>
              </a:defRPr>
            </a:lvl3pPr>
            <a:lvl4pPr marL="338328" indent="0" algn="r">
              <a:buFontTx/>
              <a:buNone/>
              <a:defRPr sz="1100" b="0" i="0" cap="all">
                <a:solidFill>
                  <a:schemeClr val="bg2"/>
                </a:solidFill>
                <a:latin typeface="Arial" panose="020B0604020202020204" pitchFamily="34" charset="0"/>
              </a:defRPr>
            </a:lvl4pPr>
            <a:lvl5pPr marL="502920" indent="0" algn="r">
              <a:buFontTx/>
              <a:buNone/>
              <a:defRPr sz="1100" b="0" i="0" cap="all">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84632" y="6007608"/>
            <a:ext cx="13651992" cy="356616"/>
          </a:xfrm>
        </p:spPr>
        <p:txBody>
          <a:bodyPr vert="horz" wrap="square" lIns="0" tIns="0" rIns="0" bIns="0" anchor="ctr">
            <a:noAutofit/>
          </a:bodyPr>
          <a:lstStyle>
            <a:lvl1pPr algn="ctr">
              <a:lnSpc>
                <a:spcPct val="110000"/>
              </a:lnSpc>
              <a:spcBef>
                <a:spcPct val="0"/>
              </a:spcBef>
              <a:buFontTx/>
              <a:buNone/>
              <a:defRPr sz="1600" b="0" i="0" cap="all" spc="8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300668947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dirty="0"/>
              <a:t>Click to edit Master title style</a:t>
            </a:r>
          </a:p>
        </p:txBody>
      </p:sp>
      <p:sp>
        <p:nvSpPr>
          <p:cNvPr id="3" name="Content1"/>
          <p:cNvSpPr>
            <a:spLocks noGrp="1"/>
          </p:cNvSpPr>
          <p:nvPr>
            <p:ph idx="10"/>
          </p:nvPr>
        </p:nvSpPr>
        <p:spPr>
          <a:xfrm>
            <a:off x="694944" y="2231136"/>
            <a:ext cx="1324965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Tree>
    <p:extLst>
      <p:ext uri="{BB962C8B-B14F-4D97-AF65-F5344CB8AC3E}">
        <p14:creationId xmlns:p14="http://schemas.microsoft.com/office/powerpoint/2010/main" val="147259003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074920"/>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0772902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4496296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8730493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694944" y="484632"/>
            <a:ext cx="13249656" cy="722376"/>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694944" y="1837944"/>
            <a:ext cx="13249656" cy="5321808"/>
          </a:xfrm>
          <a:prstGeom prst="rect">
            <a:avLst/>
          </a:prstGeom>
        </p:spPr>
        <p:txBody>
          <a:bodyPr vert="horz" wrap="square" lIns="91440" tIns="36576" rIns="36576" bIns="36576" rtlCol="0" anchor="t">
            <a:noAutofit/>
          </a:bodyPr>
          <a:lstStyle/>
          <a:p>
            <a:pPr marL="10160" lvl="0" indent="-6985"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a:t>Bullet four</a:t>
            </a:r>
          </a:p>
        </p:txBody>
      </p:sp>
      <p:cxnSp>
        <p:nvCxnSpPr>
          <p:cNvPr id="4" name="Straight Connector 3"/>
          <p:cNvCxnSpPr/>
          <p:nvPr userDrawn="1"/>
        </p:nvCxnSpPr>
        <p:spPr>
          <a:xfrm>
            <a:off x="694944" y="1307592"/>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3502152" y="484632"/>
            <a:ext cx="10442448" cy="228600"/>
          </a:xfrm>
          <a:prstGeom prst="rect">
            <a:avLst/>
          </a:prstGeom>
          <a:noFill/>
        </p:spPr>
        <p:txBody>
          <a:bodyPr vert="horz" wrap="square" lIns="0" tIns="0" rIns="0" bIns="0" rtlCol="0" anchor="t">
            <a:noAutofit/>
          </a:bodyPr>
          <a:lstStyle/>
          <a:p>
            <a:pPr algn="r">
              <a:lnSpc>
                <a:spcPct val="110000"/>
              </a:lnSpc>
            </a:pPr>
            <a:endParaRPr lang="en-US" sz="700" b="0" i="0" cap="all" spc="210" dirty="0">
              <a:solidFill>
                <a:schemeClr val="tx2"/>
              </a:solidFill>
              <a:latin typeface="AmplitudeTF" panose="02000506050000020004" pitchFamily="50" charset="0"/>
            </a:endParaRPr>
          </a:p>
        </p:txBody>
      </p:sp>
      <p:sp>
        <p:nvSpPr>
          <p:cNvPr id="6" name="Confidential" hidden="1"/>
          <p:cNvSpPr txBox="1"/>
          <p:nvPr userDrawn="1">
            <p:custDataLst>
              <p:tags r:id="rId28"/>
            </p:custDataLst>
          </p:nvPr>
        </p:nvSpPr>
        <p:spPr>
          <a:xfrm>
            <a:off x="3502152" y="265176"/>
            <a:ext cx="10442448" cy="201658"/>
          </a:xfrm>
          <a:prstGeom prst="rect">
            <a:avLst/>
          </a:prstGeom>
          <a:noFill/>
        </p:spPr>
        <p:txBody>
          <a:bodyPr vert="horz" wrap="square" lIns="0" tIns="45720" rIns="0" bIns="45720" rtlCol="0" anchor="t">
            <a:spAutoFit/>
          </a:bodyPr>
          <a:lstStyle/>
          <a:p>
            <a:pPr algn="r">
              <a:lnSpc>
                <a:spcPct val="110000"/>
              </a:lnSpc>
            </a:pP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694944" y="463314"/>
            <a:ext cx="65" cy="13407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mplitudeTF" panose="02000506050000020004" pitchFamily="50" charset="0"/>
            </a:endParaRPr>
          </a:p>
        </p:txBody>
      </p:sp>
      <p:sp>
        <p:nvSpPr>
          <p:cNvPr id="8" name="PageNumber"/>
          <p:cNvSpPr txBox="1"/>
          <p:nvPr userDrawn="1"/>
        </p:nvSpPr>
        <p:spPr>
          <a:xfrm>
            <a:off x="7150608" y="7507224"/>
            <a:ext cx="329184" cy="192024"/>
          </a:xfrm>
          <a:prstGeom prst="rect">
            <a:avLst/>
          </a:prstGeom>
          <a:noFill/>
        </p:spPr>
        <p:txBody>
          <a:bodyPr vert="horz" wrap="none" lIns="0" tIns="0" rIns="0" bIns="0" rtlCol="0" anchor="ctr">
            <a:noAutofit/>
          </a:bodyPr>
          <a:lstStyle/>
          <a:p>
            <a:pPr algn="ctr">
              <a:lnSpc>
                <a:spcPct val="110000"/>
              </a:lnSpc>
            </a:pPr>
            <a:endParaRPr lang="en-US" sz="900" b="0" i="0" dirty="0">
              <a:solidFill>
                <a:schemeClr val="tx2"/>
              </a:solidFill>
              <a:latin typeface="AmplitudeTF" panose="02000506050000020004" pitchFamily="50" charset="0"/>
            </a:endParaRPr>
          </a:p>
        </p:txBody>
      </p:sp>
      <p:sp>
        <p:nvSpPr>
          <p:cNvPr id="10" name="ClientName"/>
          <p:cNvSpPr txBox="1"/>
          <p:nvPr userDrawn="1">
            <p:custDataLst>
              <p:tags r:id="rId29"/>
            </p:custDataLst>
          </p:nvPr>
        </p:nvSpPr>
        <p:spPr>
          <a:xfrm>
            <a:off x="694944" y="7644384"/>
            <a:ext cx="2660904" cy="12801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endParaRPr lang="en-US" sz="900" b="0" i="0" cap="all" spc="150" dirty="0">
              <a:solidFill>
                <a:schemeClr val="tx2"/>
              </a:solidFill>
              <a:latin typeface="AmplitudeTF" panose="02000506050000020004" pitchFamily="50" charset="0"/>
            </a:endParaRPr>
          </a:p>
        </p:txBody>
      </p:sp>
      <p:sp>
        <p:nvSpPr>
          <p:cNvPr id="11" name="Rectangle 10">
            <a:extLst>
              <a:ext uri="{FF2B5EF4-FFF2-40B4-BE49-F238E27FC236}">
                <a16:creationId xmlns:a16="http://schemas.microsoft.com/office/drawing/2014/main" id="{330D72BE-9D99-436F-9387-842FF8BDA95B}"/>
              </a:ext>
            </a:extLst>
          </p:cNvPr>
          <p:cNvSpPr>
            <a:spLocks noChangeAspect="1"/>
          </p:cNvSpPr>
          <p:nvPr userDrawn="1">
            <p:custDataLst>
              <p:tags r:id="rId30"/>
            </p:custDataLst>
          </p:nvPr>
        </p:nvSpPr>
        <p:spPr>
          <a:xfrm>
            <a:off x="10632094" y="7443216"/>
            <a:ext cx="3303362" cy="222199"/>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latin typeface="AmplitudeTF" panose="02000506050000020004" pitchFamily="50" charset="0"/>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mplitudeTF" panose="02000506050000020004" pitchFamily="50"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mplitudeTF" panose="02000506050000020004" pitchFamily="50"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1.xml"/><Relationship Id="rId1" Type="http://schemas.openxmlformats.org/officeDocument/2006/relationships/tags" Target="../tags/tag10.xml"/><Relationship Id="rId4" Type="http://schemas.openxmlformats.org/officeDocument/2006/relationships/image" Target="../media/image1.tmp"/></Relationships>
</file>

<file path=ppt/slides/_rels/slide10.xml.rels><?xml version="1.0" encoding="UTF-8" standalone="yes"?>
<Relationships xmlns="http://schemas.openxmlformats.org/package/2006/relationships"><Relationship Id="rId2" Type="http://schemas.openxmlformats.org/officeDocument/2006/relationships/slideLayout" Target="../slideLayouts/slideLayout20.xml"/><Relationship Id="rId1" Type="http://schemas.openxmlformats.org/officeDocument/2006/relationships/tags" Target="../tags/tag20.xml"/></Relationships>
</file>

<file path=ppt/slides/_rels/slide1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Layout" Target="../slideLayouts/slideLayout20.xml"/><Relationship Id="rId1" Type="http://schemas.openxmlformats.org/officeDocument/2006/relationships/tags" Target="../tags/tag21.xml"/></Relationships>
</file>

<file path=ppt/slides/_rels/slide1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3.xml"/><Relationship Id="rId1" Type="http://schemas.openxmlformats.org/officeDocument/2006/relationships/tags" Target="../tags/tag22.xml"/><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6.xml"/><Relationship Id="rId1" Type="http://schemas.openxmlformats.org/officeDocument/2006/relationships/tags" Target="../tags/tag12.xml"/></Relationships>
</file>

<file path=ppt/slides/_rels/slide3.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3.xml"/></Relationships>
</file>

<file path=ppt/slides/_rels/slide4.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4.xml"/></Relationships>
</file>

<file path=ppt/slides/_rels/slide5.xml.rels><?xml version="1.0" encoding="UTF-8" standalone="yes"?>
<Relationships xmlns="http://schemas.openxmlformats.org/package/2006/relationships"><Relationship Id="rId2" Type="http://schemas.openxmlformats.org/officeDocument/2006/relationships/slideLayout" Target="../slideLayouts/slideLayout23.xml"/><Relationship Id="rId1" Type="http://schemas.openxmlformats.org/officeDocument/2006/relationships/tags" Target="../tags/tag15.xml"/></Relationships>
</file>

<file path=ppt/slides/_rels/slide6.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slideLayout" Target="../slideLayouts/slideLayout10.xml"/><Relationship Id="rId1" Type="http://schemas.openxmlformats.org/officeDocument/2006/relationships/tags" Target="../tags/tag16.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7.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slideLayout" Target="../slideLayouts/slideLayout25.xml"/><Relationship Id="rId1" Type="http://schemas.openxmlformats.org/officeDocument/2006/relationships/tags" Target="../tags/tag17.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3.xml"/><Relationship Id="rId7" Type="http://schemas.microsoft.com/office/2007/relationships/diagramDrawing" Target="../diagrams/drawing3.xml"/><Relationship Id="rId2" Type="http://schemas.openxmlformats.org/officeDocument/2006/relationships/slideLayout" Target="../slideLayouts/slideLayout25.xml"/><Relationship Id="rId1" Type="http://schemas.openxmlformats.org/officeDocument/2006/relationships/tags" Target="../tags/tag18.xml"/><Relationship Id="rId6" Type="http://schemas.openxmlformats.org/officeDocument/2006/relationships/diagramColors" Target="../diagrams/colors3.xml"/><Relationship Id="rId5" Type="http://schemas.openxmlformats.org/officeDocument/2006/relationships/diagramQuickStyle" Target="../diagrams/quickStyle3.xml"/><Relationship Id="rId4" Type="http://schemas.openxmlformats.org/officeDocument/2006/relationships/diagramLayout" Target="../diagrams/layout3.xml"/></Relationships>
</file>

<file path=ppt/slides/_rels/slide9.xml.rels><?xml version="1.0" encoding="UTF-8" standalone="yes"?>
<Relationships xmlns="http://schemas.openxmlformats.org/package/2006/relationships"><Relationship Id="rId3" Type="http://schemas.openxmlformats.org/officeDocument/2006/relationships/hyperlink" Target="https://www.techsoup.org/support/articles-and-how-tos/rfp-library" TargetMode="External"/><Relationship Id="rId2" Type="http://schemas.openxmlformats.org/officeDocument/2006/relationships/slideLayout" Target="../slideLayouts/slideLayout20.xml"/><Relationship Id="rId1" Type="http://schemas.openxmlformats.org/officeDocument/2006/relationships/tags" Target="../tags/tag1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8C445537-AE2C-470F-9D00-A65967D6E1AD}"/>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7" name="PitchProTitleShape">
            <a:extLst>
              <a:ext uri="{FF2B5EF4-FFF2-40B4-BE49-F238E27FC236}">
                <a16:creationId xmlns:a16="http://schemas.microsoft.com/office/drawing/2014/main" id="{8F60A9EC-E641-45CB-AAEC-54A982DD9BAC}"/>
              </a:ext>
            </a:extLst>
          </p:cNvPr>
          <p:cNvSpPr>
            <a:spLocks noGrp="1"/>
          </p:cNvSpPr>
          <p:nvPr>
            <p:ph type="title" idx="10"/>
          </p:nvPr>
        </p:nvSpPr>
        <p:spPr>
          <a:xfrm>
            <a:off x="694944" y="2998780"/>
            <a:ext cx="13249656" cy="677108"/>
          </a:xfrm>
        </p:spPr>
        <p:txBody>
          <a:bodyPr/>
          <a:lstStyle/>
          <a:p>
            <a:r>
              <a:rPr lang="en-US" sz="4400" dirty="0"/>
              <a:t>How to Compare Technology Platforms</a:t>
            </a:r>
          </a:p>
        </p:txBody>
      </p:sp>
      <p:sp>
        <p:nvSpPr>
          <p:cNvPr id="5" name="CoverPageDateText">
            <a:extLst>
              <a:ext uri="{FF2B5EF4-FFF2-40B4-BE49-F238E27FC236}">
                <a16:creationId xmlns:a16="http://schemas.microsoft.com/office/drawing/2014/main" id="{943977B8-229A-44BD-83AE-F284370012A8}"/>
              </a:ext>
            </a:extLst>
          </p:cNvPr>
          <p:cNvSpPr>
            <a:spLocks noGrp="1"/>
          </p:cNvSpPr>
          <p:nvPr>
            <p:ph type="body" sz="quarter" idx="13"/>
          </p:nvPr>
        </p:nvSpPr>
        <p:spPr>
          <a:xfrm>
            <a:off x="694944" y="3922776"/>
            <a:ext cx="4379976" cy="384048"/>
          </a:xfrm>
        </p:spPr>
        <p:txBody>
          <a:bodyPr/>
          <a:lstStyle/>
          <a:p>
            <a:r>
              <a:rPr lang="en-US" sz="2800" dirty="0"/>
              <a:t>An Introduction to Requirements Gathering &amp; Vendor Research for Nonprofits</a:t>
            </a:r>
          </a:p>
        </p:txBody>
      </p:sp>
    </p:spTree>
    <p:custDataLst>
      <p:tags r:id="rId1"/>
    </p:custDataLst>
    <p:extLst>
      <p:ext uri="{BB962C8B-B14F-4D97-AF65-F5344CB8AC3E}">
        <p14:creationId xmlns:p14="http://schemas.microsoft.com/office/powerpoint/2010/main" val="204195608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90E838E4-68B5-4401-9104-43FBC9AF3E2C}"/>
              </a:ext>
            </a:extLst>
          </p:cNvPr>
          <p:cNvSpPr>
            <a:spLocks noGrp="1"/>
          </p:cNvSpPr>
          <p:nvPr>
            <p:ph type="title"/>
          </p:nvPr>
        </p:nvSpPr>
        <p:spPr/>
        <p:txBody>
          <a:bodyPr/>
          <a:lstStyle/>
          <a:p>
            <a:r>
              <a:rPr lang="en-US" sz="2800" dirty="0"/>
              <a:t>Step 4: Document Responses from Vendors</a:t>
            </a:r>
          </a:p>
        </p:txBody>
      </p:sp>
      <p:sp>
        <p:nvSpPr>
          <p:cNvPr id="5" name="Content Placeholder 4">
            <a:extLst>
              <a:ext uri="{FF2B5EF4-FFF2-40B4-BE49-F238E27FC236}">
                <a16:creationId xmlns:a16="http://schemas.microsoft.com/office/drawing/2014/main" id="{A85142F3-E39D-4BE0-AEDF-28286A688FBF}"/>
              </a:ext>
            </a:extLst>
          </p:cNvPr>
          <p:cNvSpPr>
            <a:spLocks noGrp="1"/>
          </p:cNvSpPr>
          <p:nvPr>
            <p:ph sz="quarter" idx="11"/>
          </p:nvPr>
        </p:nvSpPr>
        <p:spPr>
          <a:xfrm>
            <a:off x="1079714" y="1605492"/>
            <a:ext cx="12470972" cy="5982423"/>
          </a:xfrm>
        </p:spPr>
        <p:txBody>
          <a:bodyPr/>
          <a:lstStyle/>
          <a:p>
            <a:r>
              <a:rPr lang="en-US" sz="2000" dirty="0">
                <a:solidFill>
                  <a:schemeClr val="accent1"/>
                </a:solidFill>
              </a:rPr>
              <a:t>Use a matrix to help you document responses and quotes from vendors to select a final solution. The matrix can include: </a:t>
            </a:r>
          </a:p>
          <a:p>
            <a:pPr marL="346075" indent="-342900">
              <a:buFont typeface="Wingdings" panose="05000000000000000000" pitchFamily="2" charset="2"/>
              <a:buChar char="§"/>
            </a:pPr>
            <a:r>
              <a:rPr lang="en-US" sz="2000" dirty="0"/>
              <a:t>Platform and Solution Types</a:t>
            </a:r>
          </a:p>
          <a:p>
            <a:pPr marL="546227" lvl="1" indent="-342900">
              <a:buFont typeface="Arial" panose="020B0604020202020204" pitchFamily="34" charset="0"/>
              <a:buChar char="•"/>
            </a:pPr>
            <a:r>
              <a:rPr lang="en-US" sz="2000" dirty="0"/>
              <a:t>Along the top of the table, list all the potential technology solutions that are viable options.</a:t>
            </a:r>
          </a:p>
          <a:p>
            <a:pPr marL="346075" indent="-342900">
              <a:buFont typeface="Wingdings" panose="05000000000000000000" pitchFamily="2" charset="2"/>
              <a:buChar char="§"/>
            </a:pPr>
            <a:r>
              <a:rPr lang="en-US" sz="2000" dirty="0"/>
              <a:t>Features &amp; Functionality</a:t>
            </a:r>
          </a:p>
          <a:p>
            <a:pPr marL="546227" lvl="1" indent="-342900">
              <a:buFont typeface="Arial" panose="020B0604020202020204" pitchFamily="34" charset="0"/>
              <a:buChar char="•"/>
            </a:pPr>
            <a:r>
              <a:rPr lang="en-US" sz="2000" dirty="0"/>
              <a:t>On the left side of the table, list the requirements / functionality your client is looking for, as part of their solution.</a:t>
            </a:r>
          </a:p>
          <a:p>
            <a:pPr marL="346075" indent="-342900">
              <a:buFont typeface="Wingdings" panose="05000000000000000000" pitchFamily="2" charset="2"/>
              <a:buChar char="§"/>
            </a:pPr>
            <a:r>
              <a:rPr lang="en-US" sz="2000" dirty="0"/>
              <a:t>Assess Your Platform</a:t>
            </a:r>
          </a:p>
          <a:p>
            <a:pPr marL="546227" lvl="1" indent="-342900">
              <a:buFont typeface="Arial" panose="020B0604020202020204" pitchFamily="34" charset="0"/>
              <a:buChar char="•"/>
            </a:pPr>
            <a:r>
              <a:rPr lang="en-US" sz="2000" dirty="0"/>
              <a:t>Based on the functionality of each solution, verify whether the solution meets your needs by marking the box ‘Y/N’ and adding any comments where necessary (for example, why requirements are not met, workaround considerations, etc.)</a:t>
            </a:r>
          </a:p>
          <a:p>
            <a:pPr marL="346075" indent="-342900">
              <a:buFont typeface="Wingdings" panose="05000000000000000000" pitchFamily="2" charset="2"/>
              <a:buChar char="§"/>
            </a:pPr>
            <a:r>
              <a:rPr lang="en-US" sz="2000" dirty="0"/>
              <a:t>Calculate the Total Cost of Ownership</a:t>
            </a:r>
          </a:p>
          <a:p>
            <a:pPr marL="546227" lvl="1" indent="-342900">
              <a:buFont typeface="Arial" panose="020B0604020202020204" pitchFamily="34" charset="0"/>
              <a:buChar char="•"/>
            </a:pPr>
            <a:r>
              <a:rPr lang="en-US" sz="2000" dirty="0"/>
              <a:t>Cost of ownership in terms of money and resources that you will incur for the solution such as the set-up costs and effort, deployment costs and effort, monthly maintenance fees,  any fees associated with making updates, hosting fees, etc.</a:t>
            </a:r>
          </a:p>
          <a:p>
            <a:pPr marL="546227" lvl="1" indent="-342900">
              <a:buFont typeface="Arial" panose="020B0604020202020204" pitchFamily="34" charset="0"/>
              <a:buChar char="•"/>
            </a:pPr>
            <a:endParaRPr lang="en-US" sz="2400" dirty="0"/>
          </a:p>
          <a:p>
            <a:pPr marL="203327" lvl="1" indent="0">
              <a:buNone/>
            </a:pPr>
            <a:endParaRPr lang="en-US" sz="2400" dirty="0"/>
          </a:p>
          <a:p>
            <a:pPr marL="346075" indent="-342900">
              <a:buFont typeface="Wingdings" panose="05000000000000000000" pitchFamily="2" charset="2"/>
              <a:buChar char="§"/>
            </a:pPr>
            <a:endParaRPr lang="en-US" sz="2400" dirty="0"/>
          </a:p>
        </p:txBody>
      </p:sp>
    </p:spTree>
    <p:custDataLst>
      <p:tags r:id="rId1"/>
    </p:custDataLst>
    <p:extLst>
      <p:ext uri="{BB962C8B-B14F-4D97-AF65-F5344CB8AC3E}">
        <p14:creationId xmlns:p14="http://schemas.microsoft.com/office/powerpoint/2010/main" val="84088028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90E838E4-68B5-4401-9104-43FBC9AF3E2C}"/>
              </a:ext>
            </a:extLst>
          </p:cNvPr>
          <p:cNvSpPr>
            <a:spLocks noGrp="1"/>
          </p:cNvSpPr>
          <p:nvPr>
            <p:ph type="title"/>
          </p:nvPr>
        </p:nvSpPr>
        <p:spPr>
          <a:xfrm>
            <a:off x="694944" y="484632"/>
            <a:ext cx="13249656" cy="722376"/>
          </a:xfrm>
        </p:spPr>
        <p:txBody>
          <a:bodyPr wrap="square" anchor="b">
            <a:normAutofit/>
          </a:bodyPr>
          <a:lstStyle/>
          <a:p>
            <a:r>
              <a:rPr lang="en-US" sz="2800" dirty="0"/>
              <a:t>Example Vendor &amp; Tool Comparison Matrix</a:t>
            </a:r>
          </a:p>
        </p:txBody>
      </p:sp>
      <p:sp>
        <p:nvSpPr>
          <p:cNvPr id="137" name="Content Placeholder 3">
            <a:extLst>
              <a:ext uri="{FF2B5EF4-FFF2-40B4-BE49-F238E27FC236}">
                <a16:creationId xmlns:a16="http://schemas.microsoft.com/office/drawing/2014/main" id="{79C16B32-CF9D-454D-85B0-A01BDE3015C2}"/>
              </a:ext>
            </a:extLst>
          </p:cNvPr>
          <p:cNvSpPr>
            <a:spLocks noGrp="1"/>
          </p:cNvSpPr>
          <p:nvPr>
            <p:ph idx="10"/>
          </p:nvPr>
        </p:nvSpPr>
        <p:spPr>
          <a:xfrm>
            <a:off x="694943" y="1764632"/>
            <a:ext cx="4871667" cy="5665750"/>
          </a:xfrm>
        </p:spPr>
        <p:txBody>
          <a:bodyPr wrap="square" anchor="t">
            <a:normAutofit fontScale="92500" lnSpcReduction="20000"/>
          </a:bodyPr>
          <a:lstStyle/>
          <a:p>
            <a:r>
              <a:rPr lang="en-US" sz="1900" dirty="0"/>
              <a:t>A nonprofit  is looking to move all of their in-person volunteer training online. They specifically are  looking for an online orientation and training system that will integrate into their existing web site. Some of their required features:</a:t>
            </a:r>
          </a:p>
          <a:p>
            <a:endParaRPr lang="en-US" sz="1900" dirty="0"/>
          </a:p>
          <a:p>
            <a:pPr marL="231775" indent="-228600">
              <a:buFont typeface="+mj-lt"/>
              <a:buAutoNum type="arabicPeriod"/>
            </a:pPr>
            <a:r>
              <a:rPr lang="en-US" sz="1900" dirty="0"/>
              <a:t>Easy to maintain and host text and video based training modules</a:t>
            </a:r>
          </a:p>
          <a:p>
            <a:pPr marL="231775" indent="-228600">
              <a:buFont typeface="+mj-lt"/>
              <a:buAutoNum type="arabicPeriod"/>
            </a:pPr>
            <a:r>
              <a:rPr lang="en-US" sz="1900" dirty="0"/>
              <a:t>Quiz capability upon completion of each training module</a:t>
            </a:r>
          </a:p>
          <a:p>
            <a:pPr marL="231775" indent="-228600">
              <a:buFont typeface="+mj-lt"/>
              <a:buAutoNum type="arabicPeriod"/>
            </a:pPr>
            <a:r>
              <a:rPr lang="en-US" sz="1900" dirty="0"/>
              <a:t>Ability to assign badges as incentives when volunteers complete training tracks</a:t>
            </a:r>
          </a:p>
          <a:p>
            <a:pPr marL="231775" indent="-228600">
              <a:buFont typeface="+mj-lt"/>
              <a:buAutoNum type="arabicPeriod"/>
            </a:pPr>
            <a:r>
              <a:rPr lang="en-US" sz="1900" dirty="0"/>
              <a:t>Query capabilities that allows for locating volunteers with specific training needed to fill roles</a:t>
            </a:r>
          </a:p>
          <a:p>
            <a:pPr marL="231775" indent="-228600">
              <a:buFont typeface="+mj-lt"/>
              <a:buAutoNum type="arabicPeriod"/>
            </a:pPr>
            <a:r>
              <a:rPr lang="en-US" sz="1900" dirty="0"/>
              <a:t>Potential integration with existing volunteer management system to avoid multiple user accounts</a:t>
            </a:r>
          </a:p>
          <a:p>
            <a:endParaRPr lang="en-US" dirty="0"/>
          </a:p>
        </p:txBody>
      </p:sp>
      <p:pic>
        <p:nvPicPr>
          <p:cNvPr id="1026" name="Picture 2">
            <a:extLst>
              <a:ext uri="{FF2B5EF4-FFF2-40B4-BE49-F238E27FC236}">
                <a16:creationId xmlns:a16="http://schemas.microsoft.com/office/drawing/2014/main" id="{16E04D04-14BA-4BE4-A629-E6D457ED29DC}"/>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587" r="5544"/>
          <a:stretch/>
        </p:blipFill>
        <p:spPr bwMode="auto">
          <a:xfrm>
            <a:off x="5757656" y="2231136"/>
            <a:ext cx="8311271" cy="3994483"/>
          </a:xfrm>
          <a:prstGeom prst="rect">
            <a:avLst/>
          </a:prstGeom>
          <a:solidFill>
            <a:srgbClr val="FFFFFF"/>
          </a:solidFill>
        </p:spPr>
      </p:pic>
      <p:sp>
        <p:nvSpPr>
          <p:cNvPr id="6" name="TextBox 5">
            <a:extLst>
              <a:ext uri="{FF2B5EF4-FFF2-40B4-BE49-F238E27FC236}">
                <a16:creationId xmlns:a16="http://schemas.microsoft.com/office/drawing/2014/main" id="{01011565-5CAE-41F2-9CCC-A2ADB888E166}"/>
              </a:ext>
            </a:extLst>
          </p:cNvPr>
          <p:cNvSpPr txBox="1"/>
          <p:nvPr/>
        </p:nvSpPr>
        <p:spPr>
          <a:xfrm>
            <a:off x="11582400" y="2231136"/>
            <a:ext cx="1363579" cy="4410296"/>
          </a:xfrm>
          <a:prstGeom prst="rect">
            <a:avLst/>
          </a:prstGeom>
          <a:noFill/>
          <a:ln w="28575">
            <a:solidFill>
              <a:schemeClr val="accent1"/>
            </a:solidFill>
          </a:ln>
        </p:spPr>
        <p:txBody>
          <a:bodyPr vert="horz" wrap="square" lIns="91440" tIns="45720" rIns="91440" bIns="45720" rtlCol="0" anchor="t">
            <a:spAutoFit/>
          </a:bodyPr>
          <a:lstStyle/>
          <a:p>
            <a:pPr algn="l">
              <a:lnSpc>
                <a:spcPct val="110000"/>
              </a:lnSpc>
            </a:pPr>
            <a:endParaRPr lang="en-US" sz="1200" b="0" i="0" dirty="0">
              <a:solidFill>
                <a:schemeClr val="tx2"/>
              </a:solidFill>
              <a:latin typeface="Arial"/>
            </a:endParaRPr>
          </a:p>
        </p:txBody>
      </p:sp>
      <p:sp>
        <p:nvSpPr>
          <p:cNvPr id="7" name="TextBox 6">
            <a:extLst>
              <a:ext uri="{FF2B5EF4-FFF2-40B4-BE49-F238E27FC236}">
                <a16:creationId xmlns:a16="http://schemas.microsoft.com/office/drawing/2014/main" id="{238C7F6A-D218-4539-AC6E-DBAAA60AB60E}"/>
              </a:ext>
            </a:extLst>
          </p:cNvPr>
          <p:cNvSpPr txBox="1"/>
          <p:nvPr/>
        </p:nvSpPr>
        <p:spPr>
          <a:xfrm>
            <a:off x="11582399" y="1474845"/>
            <a:ext cx="1363579" cy="680956"/>
          </a:xfrm>
          <a:prstGeom prst="rect">
            <a:avLst/>
          </a:prstGeom>
          <a:noFill/>
        </p:spPr>
        <p:txBody>
          <a:bodyPr vert="horz" wrap="square" lIns="91440" tIns="45720" rIns="91440" bIns="45720" rtlCol="0" anchor="t">
            <a:spAutoFit/>
          </a:bodyPr>
          <a:lstStyle/>
          <a:p>
            <a:pPr algn="ctr">
              <a:lnSpc>
                <a:spcPct val="110000"/>
              </a:lnSpc>
            </a:pPr>
            <a:r>
              <a:rPr lang="en-US" sz="1800" b="1" dirty="0">
                <a:solidFill>
                  <a:schemeClr val="accent1"/>
                </a:solidFill>
                <a:latin typeface="AmplitudeTF" panose="02000506050000020004" pitchFamily="50" charset="0"/>
              </a:rPr>
              <a:t>Final</a:t>
            </a:r>
            <a:endParaRPr lang="en-US" sz="1800" b="1" i="0" dirty="0">
              <a:solidFill>
                <a:schemeClr val="accent1"/>
              </a:solidFill>
              <a:latin typeface="AmplitudeTF" panose="02000506050000020004" pitchFamily="50" charset="0"/>
            </a:endParaRPr>
          </a:p>
          <a:p>
            <a:pPr algn="ctr">
              <a:lnSpc>
                <a:spcPct val="110000"/>
              </a:lnSpc>
            </a:pPr>
            <a:r>
              <a:rPr lang="en-US" sz="1800" b="1" i="0" dirty="0">
                <a:solidFill>
                  <a:schemeClr val="accent1"/>
                </a:solidFill>
                <a:latin typeface="AmplitudeTF" panose="02000506050000020004" pitchFamily="50" charset="0"/>
              </a:rPr>
              <a:t>Solution</a:t>
            </a:r>
          </a:p>
        </p:txBody>
      </p:sp>
    </p:spTree>
    <p:custDataLst>
      <p:tags r:id="rId1"/>
    </p:custDataLst>
    <p:extLst>
      <p:ext uri="{BB962C8B-B14F-4D97-AF65-F5344CB8AC3E}">
        <p14:creationId xmlns:p14="http://schemas.microsoft.com/office/powerpoint/2010/main" val="107187214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0">
            <a:extLst>
              <a:ext uri="{FF2B5EF4-FFF2-40B4-BE49-F238E27FC236}">
                <a16:creationId xmlns:a16="http://schemas.microsoft.com/office/drawing/2014/main" id="{54944536-53CE-4B7C-A578-2A21EDB86A20}"/>
              </a:ext>
            </a:extLst>
          </p:cNvPr>
          <p:cNvSpPr>
            <a:spLocks noGrp="1"/>
          </p:cNvSpPr>
          <p:nvPr>
            <p:ph type="title" idx="10"/>
          </p:nvPr>
        </p:nvSpPr>
        <p:spPr/>
        <p:txBody>
          <a:bodyPr/>
          <a:lstStyle/>
          <a:p>
            <a:r>
              <a:rPr lang="en-US" sz="4400" dirty="0"/>
              <a:t>Questions?</a:t>
            </a:r>
          </a:p>
        </p:txBody>
      </p:sp>
      <p:sp>
        <p:nvSpPr>
          <p:cNvPr id="12" name="Subtitle 11">
            <a:extLst>
              <a:ext uri="{FF2B5EF4-FFF2-40B4-BE49-F238E27FC236}">
                <a16:creationId xmlns:a16="http://schemas.microsoft.com/office/drawing/2014/main" id="{7EB10375-31D3-40A9-94FF-61CFE75014F3}"/>
              </a:ext>
            </a:extLst>
          </p:cNvPr>
          <p:cNvSpPr>
            <a:spLocks noGrp="1"/>
          </p:cNvSpPr>
          <p:nvPr>
            <p:ph type="subTitle" idx="11"/>
          </p:nvPr>
        </p:nvSpPr>
        <p:spPr>
          <a:xfrm>
            <a:off x="694944" y="5952744"/>
            <a:ext cx="4379976" cy="384048"/>
          </a:xfrm>
        </p:spPr>
        <p:txBody>
          <a:bodyPr/>
          <a:lstStyle/>
          <a:p>
            <a:r>
              <a:rPr lang="en-US" sz="2000" dirty="0"/>
              <a:t>Contact us at tech.for.social.good@jpmorgan.com</a:t>
            </a:r>
          </a:p>
        </p:txBody>
      </p:sp>
      <p:sp>
        <p:nvSpPr>
          <p:cNvPr id="4" name="Rectangle 3">
            <a:extLst>
              <a:ext uri="{FF2B5EF4-FFF2-40B4-BE49-F238E27FC236}">
                <a16:creationId xmlns:a16="http://schemas.microsoft.com/office/drawing/2014/main" id="{86891261-F9D4-4BBF-B492-D02729A70A28}"/>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custDataLst>
      <p:tags r:id="rId1"/>
    </p:custDataLst>
    <p:extLst>
      <p:ext uri="{BB962C8B-B14F-4D97-AF65-F5344CB8AC3E}">
        <p14:creationId xmlns:p14="http://schemas.microsoft.com/office/powerpoint/2010/main" val="135698327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A3F9D42-09F9-4128-BD21-B64DD1215151}"/>
              </a:ext>
            </a:extLst>
          </p:cNvPr>
          <p:cNvSpPr>
            <a:spLocks noGrp="1"/>
          </p:cNvSpPr>
          <p:nvPr>
            <p:ph type="title"/>
          </p:nvPr>
        </p:nvSpPr>
        <p:spPr/>
        <p:txBody>
          <a:bodyPr/>
          <a:lstStyle/>
          <a:p>
            <a:r>
              <a:rPr lang="en-US" sz="2800" dirty="0"/>
              <a:t>Legal Disclaimer</a:t>
            </a:r>
          </a:p>
        </p:txBody>
      </p:sp>
      <p:sp>
        <p:nvSpPr>
          <p:cNvPr id="3" name="Content Placeholder 2">
            <a:extLst>
              <a:ext uri="{FF2B5EF4-FFF2-40B4-BE49-F238E27FC236}">
                <a16:creationId xmlns:a16="http://schemas.microsoft.com/office/drawing/2014/main" id="{99634472-CBCD-4544-8F79-C3F7BD0F67F1}"/>
              </a:ext>
            </a:extLst>
          </p:cNvPr>
          <p:cNvSpPr>
            <a:spLocks noGrp="1"/>
          </p:cNvSpPr>
          <p:nvPr>
            <p:ph idx="10"/>
          </p:nvPr>
        </p:nvSpPr>
        <p:spPr>
          <a:xfrm>
            <a:off x="694944" y="1741932"/>
            <a:ext cx="13249656" cy="4745736"/>
          </a:xfrm>
        </p:spPr>
        <p:txBody>
          <a:bodyPr/>
          <a:lstStyle/>
          <a:p>
            <a:r>
              <a:rPr lang="en-US" sz="2000" dirty="0">
                <a:ea typeface="Calibri" panose="020F0502020204030204" pitchFamily="34" charset="0"/>
              </a:rPr>
              <a:t>The information included herein should never be used as a substitute for an organization’s technical and/or operational judgment and does not represent an official position of JPMorgan Chase Bank, N.A. or its affiliates. This information is provided on an "as is" basis without warranty of any kind, express or implied. </a:t>
            </a:r>
            <a:endParaRPr lang="en-US" sz="2000" dirty="0"/>
          </a:p>
        </p:txBody>
      </p:sp>
    </p:spTree>
    <p:custDataLst>
      <p:tags r:id="rId1"/>
    </p:custDataLst>
    <p:extLst>
      <p:ext uri="{BB962C8B-B14F-4D97-AF65-F5344CB8AC3E}">
        <p14:creationId xmlns:p14="http://schemas.microsoft.com/office/powerpoint/2010/main" val="380565319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Objective</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5133474" y="2449727"/>
            <a:ext cx="8646694" cy="3688241"/>
          </a:xfrm>
        </p:spPr>
        <p:txBody>
          <a:bodyPr anchor="ctr"/>
          <a:lstStyle/>
          <a:p>
            <a:pPr marL="3175" indent="0">
              <a:lnSpc>
                <a:spcPct val="150000"/>
              </a:lnSpc>
              <a:spcBef>
                <a:spcPts val="600"/>
              </a:spcBef>
            </a:pPr>
            <a:r>
              <a:rPr lang="en-US" sz="2800" dirty="0"/>
              <a:t>Provide some guidance on how to effectively </a:t>
            </a:r>
            <a:r>
              <a:rPr lang="en-US" sz="2800"/>
              <a:t>evaluate technology </a:t>
            </a:r>
            <a:r>
              <a:rPr lang="en-US" sz="2800" dirty="0"/>
              <a:t>platforms, applications, and systems to ensure your organization can adequately shift to conducting business in a virtual fashion.</a:t>
            </a:r>
          </a:p>
        </p:txBody>
      </p:sp>
      <p:grpSp>
        <p:nvGrpSpPr>
          <p:cNvPr id="5" name="Group 4">
            <a:extLst>
              <a:ext uri="{FF2B5EF4-FFF2-40B4-BE49-F238E27FC236}">
                <a16:creationId xmlns:a16="http://schemas.microsoft.com/office/drawing/2014/main" id="{66BF45E6-BC7F-4B3C-8259-049DC3C578B4}"/>
              </a:ext>
            </a:extLst>
          </p:cNvPr>
          <p:cNvGrpSpPr>
            <a:grpSpLocks/>
          </p:cNvGrpSpPr>
          <p:nvPr/>
        </p:nvGrpSpPr>
        <p:grpSpPr>
          <a:xfrm>
            <a:off x="850232" y="2881747"/>
            <a:ext cx="2836882" cy="2829192"/>
            <a:chOff x="3989388" y="4322763"/>
            <a:chExt cx="555625" cy="549275"/>
          </a:xfrm>
          <a:solidFill>
            <a:schemeClr val="accent1"/>
          </a:solidFill>
        </p:grpSpPr>
        <p:sp>
          <p:nvSpPr>
            <p:cNvPr id="6" name="Freeform 5">
              <a:extLst>
                <a:ext uri="{FF2B5EF4-FFF2-40B4-BE49-F238E27FC236}">
                  <a16:creationId xmlns:a16="http://schemas.microsoft.com/office/drawing/2014/main" id="{740CF98D-3678-474F-8A20-C49508D2029A}"/>
                </a:ext>
              </a:extLst>
            </p:cNvPr>
            <p:cNvSpPr>
              <a:spLocks/>
            </p:cNvSpPr>
            <p:nvPr/>
          </p:nvSpPr>
          <p:spPr bwMode="auto">
            <a:xfrm>
              <a:off x="3989388" y="4429125"/>
              <a:ext cx="442913" cy="442913"/>
            </a:xfrm>
            <a:custGeom>
              <a:avLst/>
              <a:gdLst>
                <a:gd name="T0" fmla="*/ 193 w 213"/>
                <a:gd name="T1" fmla="*/ 53 h 213"/>
                <a:gd name="T2" fmla="*/ 191 w 213"/>
                <a:gd name="T3" fmla="*/ 60 h 213"/>
                <a:gd name="T4" fmla="*/ 203 w 213"/>
                <a:gd name="T5" fmla="*/ 107 h 213"/>
                <a:gd name="T6" fmla="*/ 106 w 213"/>
                <a:gd name="T7" fmla="*/ 203 h 213"/>
                <a:gd name="T8" fmla="*/ 10 w 213"/>
                <a:gd name="T9" fmla="*/ 107 h 213"/>
                <a:gd name="T10" fmla="*/ 106 w 213"/>
                <a:gd name="T11" fmla="*/ 10 h 213"/>
                <a:gd name="T12" fmla="*/ 153 w 213"/>
                <a:gd name="T13" fmla="*/ 22 h 213"/>
                <a:gd name="T14" fmla="*/ 160 w 213"/>
                <a:gd name="T15" fmla="*/ 20 h 213"/>
                <a:gd name="T16" fmla="*/ 158 w 213"/>
                <a:gd name="T17" fmla="*/ 14 h 213"/>
                <a:gd name="T18" fmla="*/ 106 w 213"/>
                <a:gd name="T19" fmla="*/ 0 h 213"/>
                <a:gd name="T20" fmla="*/ 0 w 213"/>
                <a:gd name="T21" fmla="*/ 107 h 213"/>
                <a:gd name="T22" fmla="*/ 106 w 213"/>
                <a:gd name="T23" fmla="*/ 213 h 213"/>
                <a:gd name="T24" fmla="*/ 213 w 213"/>
                <a:gd name="T25" fmla="*/ 107 h 213"/>
                <a:gd name="T26" fmla="*/ 199 w 213"/>
                <a:gd name="T27" fmla="*/ 55 h 213"/>
                <a:gd name="T28" fmla="*/ 193 w 213"/>
                <a:gd name="T29" fmla="*/ 5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13" h="213">
                  <a:moveTo>
                    <a:pt x="193" y="53"/>
                  </a:moveTo>
                  <a:cubicBezTo>
                    <a:pt x="190" y="54"/>
                    <a:pt x="189" y="57"/>
                    <a:pt x="191" y="60"/>
                  </a:cubicBezTo>
                  <a:cubicBezTo>
                    <a:pt x="199" y="74"/>
                    <a:pt x="203" y="90"/>
                    <a:pt x="203" y="107"/>
                  </a:cubicBezTo>
                  <a:cubicBezTo>
                    <a:pt x="203" y="160"/>
                    <a:pt x="160" y="203"/>
                    <a:pt x="106" y="203"/>
                  </a:cubicBezTo>
                  <a:cubicBezTo>
                    <a:pt x="53" y="203"/>
                    <a:pt x="10" y="160"/>
                    <a:pt x="10" y="107"/>
                  </a:cubicBezTo>
                  <a:cubicBezTo>
                    <a:pt x="10" y="53"/>
                    <a:pt x="53" y="10"/>
                    <a:pt x="106" y="10"/>
                  </a:cubicBezTo>
                  <a:cubicBezTo>
                    <a:pt x="123" y="10"/>
                    <a:pt x="139" y="14"/>
                    <a:pt x="153" y="22"/>
                  </a:cubicBezTo>
                  <a:cubicBezTo>
                    <a:pt x="155" y="24"/>
                    <a:pt x="159" y="23"/>
                    <a:pt x="160" y="20"/>
                  </a:cubicBezTo>
                  <a:cubicBezTo>
                    <a:pt x="161" y="18"/>
                    <a:pt x="160" y="15"/>
                    <a:pt x="158" y="14"/>
                  </a:cubicBezTo>
                  <a:cubicBezTo>
                    <a:pt x="142" y="5"/>
                    <a:pt x="124" y="0"/>
                    <a:pt x="106" y="0"/>
                  </a:cubicBezTo>
                  <a:cubicBezTo>
                    <a:pt x="48" y="0"/>
                    <a:pt x="0" y="48"/>
                    <a:pt x="0" y="107"/>
                  </a:cubicBezTo>
                  <a:cubicBezTo>
                    <a:pt x="0" y="165"/>
                    <a:pt x="48" y="213"/>
                    <a:pt x="106" y="213"/>
                  </a:cubicBezTo>
                  <a:cubicBezTo>
                    <a:pt x="165" y="213"/>
                    <a:pt x="213" y="165"/>
                    <a:pt x="213" y="107"/>
                  </a:cubicBezTo>
                  <a:cubicBezTo>
                    <a:pt x="213" y="89"/>
                    <a:pt x="208" y="71"/>
                    <a:pt x="199" y="55"/>
                  </a:cubicBezTo>
                  <a:cubicBezTo>
                    <a:pt x="198" y="52"/>
                    <a:pt x="195" y="52"/>
                    <a:pt x="193" y="5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 name="Freeform 6">
              <a:extLst>
                <a:ext uri="{FF2B5EF4-FFF2-40B4-BE49-F238E27FC236}">
                  <a16:creationId xmlns:a16="http://schemas.microsoft.com/office/drawing/2014/main" id="{8CFAD9A4-D705-4647-9F5F-ABC239194D59}"/>
                </a:ext>
              </a:extLst>
            </p:cNvPr>
            <p:cNvSpPr>
              <a:spLocks/>
            </p:cNvSpPr>
            <p:nvPr/>
          </p:nvSpPr>
          <p:spPr bwMode="auto">
            <a:xfrm>
              <a:off x="4059238" y="4498975"/>
              <a:ext cx="301625" cy="301625"/>
            </a:xfrm>
            <a:custGeom>
              <a:avLst/>
              <a:gdLst>
                <a:gd name="T0" fmla="*/ 100 w 145"/>
                <a:gd name="T1" fmla="*/ 11 h 145"/>
                <a:gd name="T2" fmla="*/ 97 w 145"/>
                <a:gd name="T3" fmla="*/ 5 h 145"/>
                <a:gd name="T4" fmla="*/ 72 w 145"/>
                <a:gd name="T5" fmla="*/ 0 h 145"/>
                <a:gd name="T6" fmla="*/ 0 w 145"/>
                <a:gd name="T7" fmla="*/ 73 h 145"/>
                <a:gd name="T8" fmla="*/ 72 w 145"/>
                <a:gd name="T9" fmla="*/ 145 h 145"/>
                <a:gd name="T10" fmla="*/ 145 w 145"/>
                <a:gd name="T11" fmla="*/ 73 h 145"/>
                <a:gd name="T12" fmla="*/ 139 w 145"/>
                <a:gd name="T13" fmla="*/ 45 h 145"/>
                <a:gd name="T14" fmla="*/ 132 w 145"/>
                <a:gd name="T15" fmla="*/ 42 h 145"/>
                <a:gd name="T16" fmla="*/ 130 w 145"/>
                <a:gd name="T17" fmla="*/ 48 h 145"/>
                <a:gd name="T18" fmla="*/ 135 w 145"/>
                <a:gd name="T19" fmla="*/ 73 h 145"/>
                <a:gd name="T20" fmla="*/ 72 w 145"/>
                <a:gd name="T21" fmla="*/ 135 h 145"/>
                <a:gd name="T22" fmla="*/ 10 w 145"/>
                <a:gd name="T23" fmla="*/ 73 h 145"/>
                <a:gd name="T24" fmla="*/ 72 w 145"/>
                <a:gd name="T25" fmla="*/ 10 h 145"/>
                <a:gd name="T26" fmla="*/ 94 w 145"/>
                <a:gd name="T27" fmla="*/ 14 h 145"/>
                <a:gd name="T28" fmla="*/ 100 w 145"/>
                <a:gd name="T29" fmla="*/ 11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45" h="145">
                  <a:moveTo>
                    <a:pt x="100" y="11"/>
                  </a:moveTo>
                  <a:cubicBezTo>
                    <a:pt x="101" y="8"/>
                    <a:pt x="100" y="6"/>
                    <a:pt x="97" y="5"/>
                  </a:cubicBezTo>
                  <a:cubicBezTo>
                    <a:pt x="89" y="2"/>
                    <a:pt x="81" y="0"/>
                    <a:pt x="72" y="0"/>
                  </a:cubicBezTo>
                  <a:cubicBezTo>
                    <a:pt x="33" y="0"/>
                    <a:pt x="0" y="33"/>
                    <a:pt x="0" y="73"/>
                  </a:cubicBezTo>
                  <a:cubicBezTo>
                    <a:pt x="0" y="112"/>
                    <a:pt x="33" y="145"/>
                    <a:pt x="72" y="145"/>
                  </a:cubicBezTo>
                  <a:cubicBezTo>
                    <a:pt x="112" y="145"/>
                    <a:pt x="145" y="112"/>
                    <a:pt x="145" y="73"/>
                  </a:cubicBezTo>
                  <a:cubicBezTo>
                    <a:pt x="145" y="63"/>
                    <a:pt x="143" y="53"/>
                    <a:pt x="139" y="45"/>
                  </a:cubicBezTo>
                  <a:cubicBezTo>
                    <a:pt x="138" y="42"/>
                    <a:pt x="135" y="41"/>
                    <a:pt x="132" y="42"/>
                  </a:cubicBezTo>
                  <a:cubicBezTo>
                    <a:pt x="130" y="43"/>
                    <a:pt x="129" y="46"/>
                    <a:pt x="130" y="48"/>
                  </a:cubicBezTo>
                  <a:cubicBezTo>
                    <a:pt x="133" y="56"/>
                    <a:pt x="135" y="64"/>
                    <a:pt x="135" y="73"/>
                  </a:cubicBezTo>
                  <a:cubicBezTo>
                    <a:pt x="135" y="107"/>
                    <a:pt x="107" y="135"/>
                    <a:pt x="72" y="135"/>
                  </a:cubicBezTo>
                  <a:cubicBezTo>
                    <a:pt x="38" y="135"/>
                    <a:pt x="10" y="107"/>
                    <a:pt x="10" y="73"/>
                  </a:cubicBezTo>
                  <a:cubicBezTo>
                    <a:pt x="10" y="38"/>
                    <a:pt x="38" y="10"/>
                    <a:pt x="72" y="10"/>
                  </a:cubicBezTo>
                  <a:cubicBezTo>
                    <a:pt x="80" y="10"/>
                    <a:pt x="87" y="12"/>
                    <a:pt x="94" y="14"/>
                  </a:cubicBezTo>
                  <a:cubicBezTo>
                    <a:pt x="96" y="15"/>
                    <a:pt x="99" y="14"/>
                    <a:pt x="100" y="1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 name="Freeform 7">
              <a:extLst>
                <a:ext uri="{FF2B5EF4-FFF2-40B4-BE49-F238E27FC236}">
                  <a16:creationId xmlns:a16="http://schemas.microsoft.com/office/drawing/2014/main" id="{D98819FD-CA98-473E-918B-119E20A74E7B}"/>
                </a:ext>
              </a:extLst>
            </p:cNvPr>
            <p:cNvSpPr>
              <a:spLocks/>
            </p:cNvSpPr>
            <p:nvPr/>
          </p:nvSpPr>
          <p:spPr bwMode="auto">
            <a:xfrm>
              <a:off x="4130675" y="4572000"/>
              <a:ext cx="157163" cy="158750"/>
            </a:xfrm>
            <a:custGeom>
              <a:avLst/>
              <a:gdLst>
                <a:gd name="T0" fmla="*/ 38 w 76"/>
                <a:gd name="T1" fmla="*/ 10 h 76"/>
                <a:gd name="T2" fmla="*/ 43 w 76"/>
                <a:gd name="T3" fmla="*/ 5 h 76"/>
                <a:gd name="T4" fmla="*/ 38 w 76"/>
                <a:gd name="T5" fmla="*/ 0 h 76"/>
                <a:gd name="T6" fmla="*/ 0 w 76"/>
                <a:gd name="T7" fmla="*/ 38 h 76"/>
                <a:gd name="T8" fmla="*/ 38 w 76"/>
                <a:gd name="T9" fmla="*/ 76 h 76"/>
                <a:gd name="T10" fmla="*/ 76 w 76"/>
                <a:gd name="T11" fmla="*/ 45 h 76"/>
                <a:gd name="T12" fmla="*/ 72 w 76"/>
                <a:gd name="T13" fmla="*/ 39 h 76"/>
                <a:gd name="T14" fmla="*/ 66 w 76"/>
                <a:gd name="T15" fmla="*/ 43 h 76"/>
                <a:gd name="T16" fmla="*/ 38 w 76"/>
                <a:gd name="T17" fmla="*/ 66 h 76"/>
                <a:gd name="T18" fmla="*/ 10 w 76"/>
                <a:gd name="T19" fmla="*/ 38 h 76"/>
                <a:gd name="T20" fmla="*/ 38 w 76"/>
                <a:gd name="T21" fmla="*/ 10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76" h="76">
                  <a:moveTo>
                    <a:pt x="38" y="10"/>
                  </a:moveTo>
                  <a:cubicBezTo>
                    <a:pt x="41" y="10"/>
                    <a:pt x="43" y="7"/>
                    <a:pt x="43" y="5"/>
                  </a:cubicBezTo>
                  <a:cubicBezTo>
                    <a:pt x="43" y="2"/>
                    <a:pt x="41" y="0"/>
                    <a:pt x="38" y="0"/>
                  </a:cubicBezTo>
                  <a:cubicBezTo>
                    <a:pt x="17" y="0"/>
                    <a:pt x="0" y="17"/>
                    <a:pt x="0" y="38"/>
                  </a:cubicBezTo>
                  <a:cubicBezTo>
                    <a:pt x="0" y="59"/>
                    <a:pt x="17" y="76"/>
                    <a:pt x="38" y="76"/>
                  </a:cubicBezTo>
                  <a:cubicBezTo>
                    <a:pt x="56" y="76"/>
                    <a:pt x="72" y="63"/>
                    <a:pt x="76" y="45"/>
                  </a:cubicBezTo>
                  <a:cubicBezTo>
                    <a:pt x="76" y="43"/>
                    <a:pt x="75" y="40"/>
                    <a:pt x="72" y="39"/>
                  </a:cubicBezTo>
                  <a:cubicBezTo>
                    <a:pt x="69" y="39"/>
                    <a:pt x="66" y="41"/>
                    <a:pt x="66" y="43"/>
                  </a:cubicBezTo>
                  <a:cubicBezTo>
                    <a:pt x="63" y="56"/>
                    <a:pt x="52" y="66"/>
                    <a:pt x="38" y="66"/>
                  </a:cubicBezTo>
                  <a:cubicBezTo>
                    <a:pt x="23" y="66"/>
                    <a:pt x="10" y="53"/>
                    <a:pt x="10" y="38"/>
                  </a:cubicBezTo>
                  <a:cubicBezTo>
                    <a:pt x="10" y="22"/>
                    <a:pt x="23" y="10"/>
                    <a:pt x="38" y="1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 name="Freeform 8">
              <a:extLst>
                <a:ext uri="{FF2B5EF4-FFF2-40B4-BE49-F238E27FC236}">
                  <a16:creationId xmlns:a16="http://schemas.microsoft.com/office/drawing/2014/main" id="{3F11005E-302A-4CB1-974B-5EF6ED4D20E5}"/>
                </a:ext>
              </a:extLst>
            </p:cNvPr>
            <p:cNvSpPr>
              <a:spLocks noEditPoints="1"/>
            </p:cNvSpPr>
            <p:nvPr/>
          </p:nvSpPr>
          <p:spPr bwMode="auto">
            <a:xfrm>
              <a:off x="4198938" y="4322763"/>
              <a:ext cx="346075" cy="338138"/>
            </a:xfrm>
            <a:custGeom>
              <a:avLst/>
              <a:gdLst>
                <a:gd name="T0" fmla="*/ 165 w 166"/>
                <a:gd name="T1" fmla="*/ 36 h 163"/>
                <a:gd name="T2" fmla="*/ 160 w 166"/>
                <a:gd name="T3" fmla="*/ 33 h 163"/>
                <a:gd name="T4" fmla="*/ 129 w 166"/>
                <a:gd name="T5" fmla="*/ 33 h 163"/>
                <a:gd name="T6" fmla="*/ 129 w 166"/>
                <a:gd name="T7" fmla="*/ 5 h 163"/>
                <a:gd name="T8" fmla="*/ 126 w 166"/>
                <a:gd name="T9" fmla="*/ 0 h 163"/>
                <a:gd name="T10" fmla="*/ 120 w 166"/>
                <a:gd name="T11" fmla="*/ 2 h 163"/>
                <a:gd name="T12" fmla="*/ 88 w 166"/>
                <a:gd name="T13" fmla="*/ 36 h 163"/>
                <a:gd name="T14" fmla="*/ 87 w 166"/>
                <a:gd name="T15" fmla="*/ 39 h 163"/>
                <a:gd name="T16" fmla="*/ 87 w 166"/>
                <a:gd name="T17" fmla="*/ 70 h 163"/>
                <a:gd name="T18" fmla="*/ 2 w 166"/>
                <a:gd name="T19" fmla="*/ 154 h 163"/>
                <a:gd name="T20" fmla="*/ 2 w 166"/>
                <a:gd name="T21" fmla="*/ 161 h 163"/>
                <a:gd name="T22" fmla="*/ 5 w 166"/>
                <a:gd name="T23" fmla="*/ 163 h 163"/>
                <a:gd name="T24" fmla="*/ 9 w 166"/>
                <a:gd name="T25" fmla="*/ 161 h 163"/>
                <a:gd name="T26" fmla="*/ 94 w 166"/>
                <a:gd name="T27" fmla="*/ 77 h 163"/>
                <a:gd name="T28" fmla="*/ 125 w 166"/>
                <a:gd name="T29" fmla="*/ 77 h 163"/>
                <a:gd name="T30" fmla="*/ 128 w 166"/>
                <a:gd name="T31" fmla="*/ 76 h 163"/>
                <a:gd name="T32" fmla="*/ 164 w 166"/>
                <a:gd name="T33" fmla="*/ 42 h 163"/>
                <a:gd name="T34" fmla="*/ 165 w 166"/>
                <a:gd name="T35" fmla="*/ 36 h 163"/>
                <a:gd name="T36" fmla="*/ 123 w 166"/>
                <a:gd name="T37" fmla="*/ 67 h 163"/>
                <a:gd name="T38" fmla="*/ 97 w 166"/>
                <a:gd name="T39" fmla="*/ 67 h 163"/>
                <a:gd name="T40" fmla="*/ 97 w 166"/>
                <a:gd name="T41" fmla="*/ 41 h 163"/>
                <a:gd name="T42" fmla="*/ 119 w 166"/>
                <a:gd name="T43" fmla="*/ 18 h 163"/>
                <a:gd name="T44" fmla="*/ 119 w 166"/>
                <a:gd name="T45" fmla="*/ 38 h 163"/>
                <a:gd name="T46" fmla="*/ 124 w 166"/>
                <a:gd name="T47" fmla="*/ 43 h 163"/>
                <a:gd name="T48" fmla="*/ 148 w 166"/>
                <a:gd name="T49" fmla="*/ 43 h 163"/>
                <a:gd name="T50" fmla="*/ 123 w 166"/>
                <a:gd name="T51" fmla="*/ 67 h 1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 h="163">
                  <a:moveTo>
                    <a:pt x="165" y="36"/>
                  </a:moveTo>
                  <a:cubicBezTo>
                    <a:pt x="164" y="34"/>
                    <a:pt x="162" y="33"/>
                    <a:pt x="160" y="33"/>
                  </a:cubicBezTo>
                  <a:cubicBezTo>
                    <a:pt x="129" y="33"/>
                    <a:pt x="129" y="33"/>
                    <a:pt x="129" y="33"/>
                  </a:cubicBezTo>
                  <a:cubicBezTo>
                    <a:pt x="129" y="5"/>
                    <a:pt x="129" y="5"/>
                    <a:pt x="129" y="5"/>
                  </a:cubicBezTo>
                  <a:cubicBezTo>
                    <a:pt x="129" y="3"/>
                    <a:pt x="128" y="1"/>
                    <a:pt x="126" y="0"/>
                  </a:cubicBezTo>
                  <a:cubicBezTo>
                    <a:pt x="124" y="0"/>
                    <a:pt x="122" y="0"/>
                    <a:pt x="120" y="2"/>
                  </a:cubicBezTo>
                  <a:cubicBezTo>
                    <a:pt x="88" y="36"/>
                    <a:pt x="88" y="36"/>
                    <a:pt x="88" y="36"/>
                  </a:cubicBezTo>
                  <a:cubicBezTo>
                    <a:pt x="87" y="37"/>
                    <a:pt x="87" y="38"/>
                    <a:pt x="87" y="39"/>
                  </a:cubicBezTo>
                  <a:cubicBezTo>
                    <a:pt x="87" y="70"/>
                    <a:pt x="87" y="70"/>
                    <a:pt x="87" y="70"/>
                  </a:cubicBezTo>
                  <a:cubicBezTo>
                    <a:pt x="2" y="154"/>
                    <a:pt x="2" y="154"/>
                    <a:pt x="2" y="154"/>
                  </a:cubicBezTo>
                  <a:cubicBezTo>
                    <a:pt x="0" y="156"/>
                    <a:pt x="0" y="159"/>
                    <a:pt x="2" y="161"/>
                  </a:cubicBezTo>
                  <a:cubicBezTo>
                    <a:pt x="3" y="162"/>
                    <a:pt x="4" y="163"/>
                    <a:pt x="5" y="163"/>
                  </a:cubicBezTo>
                  <a:cubicBezTo>
                    <a:pt x="7" y="163"/>
                    <a:pt x="8" y="162"/>
                    <a:pt x="9" y="161"/>
                  </a:cubicBezTo>
                  <a:cubicBezTo>
                    <a:pt x="94" y="77"/>
                    <a:pt x="94" y="77"/>
                    <a:pt x="94" y="77"/>
                  </a:cubicBezTo>
                  <a:cubicBezTo>
                    <a:pt x="125" y="77"/>
                    <a:pt x="125" y="77"/>
                    <a:pt x="125" y="77"/>
                  </a:cubicBezTo>
                  <a:cubicBezTo>
                    <a:pt x="126" y="77"/>
                    <a:pt x="127" y="77"/>
                    <a:pt x="128" y="76"/>
                  </a:cubicBezTo>
                  <a:cubicBezTo>
                    <a:pt x="164" y="42"/>
                    <a:pt x="164" y="42"/>
                    <a:pt x="164" y="42"/>
                  </a:cubicBezTo>
                  <a:cubicBezTo>
                    <a:pt x="165" y="40"/>
                    <a:pt x="166" y="38"/>
                    <a:pt x="165" y="36"/>
                  </a:cubicBezTo>
                  <a:close/>
                  <a:moveTo>
                    <a:pt x="123" y="67"/>
                  </a:moveTo>
                  <a:cubicBezTo>
                    <a:pt x="97" y="67"/>
                    <a:pt x="97" y="67"/>
                    <a:pt x="97" y="67"/>
                  </a:cubicBezTo>
                  <a:cubicBezTo>
                    <a:pt x="97" y="41"/>
                    <a:pt x="97" y="41"/>
                    <a:pt x="97" y="41"/>
                  </a:cubicBezTo>
                  <a:cubicBezTo>
                    <a:pt x="119" y="18"/>
                    <a:pt x="119" y="18"/>
                    <a:pt x="119" y="18"/>
                  </a:cubicBezTo>
                  <a:cubicBezTo>
                    <a:pt x="119" y="38"/>
                    <a:pt x="119" y="38"/>
                    <a:pt x="119" y="38"/>
                  </a:cubicBezTo>
                  <a:cubicBezTo>
                    <a:pt x="119" y="41"/>
                    <a:pt x="121" y="43"/>
                    <a:pt x="124" y="43"/>
                  </a:cubicBezTo>
                  <a:cubicBezTo>
                    <a:pt x="148" y="43"/>
                    <a:pt x="148" y="43"/>
                    <a:pt x="148" y="43"/>
                  </a:cubicBezTo>
                  <a:lnTo>
                    <a:pt x="123" y="6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193131864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What is Requirements Gathering?</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4526280" y="2720710"/>
            <a:ext cx="9418320" cy="3688241"/>
          </a:xfrm>
        </p:spPr>
        <p:txBody>
          <a:bodyPr anchor="ctr"/>
          <a:lstStyle/>
          <a:p>
            <a:pPr marL="460375" indent="-457200">
              <a:lnSpc>
                <a:spcPct val="100000"/>
              </a:lnSpc>
              <a:spcBef>
                <a:spcPts val="600"/>
              </a:spcBef>
              <a:buFont typeface="Wingdings" panose="05000000000000000000" pitchFamily="2" charset="2"/>
              <a:buChar char="§"/>
            </a:pPr>
            <a:r>
              <a:rPr lang="en-US" sz="2800" dirty="0"/>
              <a:t>At its core, requirements gathering is the process of understanding what you would like built and why, including the specific features you and your stakeholders would like to see in the final solution.</a:t>
            </a:r>
          </a:p>
          <a:p>
            <a:pPr marL="3175" indent="0">
              <a:lnSpc>
                <a:spcPct val="100000"/>
              </a:lnSpc>
              <a:spcBef>
                <a:spcPts val="600"/>
              </a:spcBef>
            </a:pPr>
            <a:endParaRPr lang="en-US" sz="2800" dirty="0"/>
          </a:p>
          <a:p>
            <a:pPr marL="460375" indent="-457200">
              <a:lnSpc>
                <a:spcPct val="100000"/>
              </a:lnSpc>
              <a:spcBef>
                <a:spcPts val="600"/>
              </a:spcBef>
              <a:buFont typeface="Wingdings" panose="05000000000000000000" pitchFamily="2" charset="2"/>
              <a:buChar char="§"/>
            </a:pPr>
            <a:r>
              <a:rPr lang="en-US" sz="2800" dirty="0"/>
              <a:t>Requirements allow you to communicate your vision to a vendor who can implement your vision.</a:t>
            </a:r>
          </a:p>
        </p:txBody>
      </p:sp>
      <p:sp>
        <p:nvSpPr>
          <p:cNvPr id="8" name="Freeform 148">
            <a:extLst>
              <a:ext uri="{FF2B5EF4-FFF2-40B4-BE49-F238E27FC236}">
                <a16:creationId xmlns:a16="http://schemas.microsoft.com/office/drawing/2014/main" id="{43E9B517-9A52-49D8-B39E-92B96E92EA9A}"/>
              </a:ext>
            </a:extLst>
          </p:cNvPr>
          <p:cNvSpPr>
            <a:spLocks noEditPoints="1"/>
          </p:cNvSpPr>
          <p:nvPr/>
        </p:nvSpPr>
        <p:spPr bwMode="auto">
          <a:xfrm>
            <a:off x="1324544" y="3183422"/>
            <a:ext cx="2069580" cy="2762818"/>
          </a:xfrm>
          <a:custGeom>
            <a:avLst/>
            <a:gdLst>
              <a:gd name="T0" fmla="*/ 81 w 114"/>
              <a:gd name="T1" fmla="*/ 27 h 167"/>
              <a:gd name="T2" fmla="*/ 62 w 114"/>
              <a:gd name="T3" fmla="*/ 8 h 167"/>
              <a:gd name="T4" fmla="*/ 44 w 114"/>
              <a:gd name="T5" fmla="*/ 8 h 167"/>
              <a:gd name="T6" fmla="*/ 45 w 114"/>
              <a:gd name="T7" fmla="*/ 33 h 167"/>
              <a:gd name="T8" fmla="*/ 67 w 114"/>
              <a:gd name="T9" fmla="*/ 33 h 167"/>
              <a:gd name="T10" fmla="*/ 38 w 114"/>
              <a:gd name="T11" fmla="*/ 18 h 167"/>
              <a:gd name="T12" fmla="*/ 62 w 114"/>
              <a:gd name="T13" fmla="*/ 15 h 167"/>
              <a:gd name="T14" fmla="*/ 76 w 114"/>
              <a:gd name="T15" fmla="*/ 24 h 167"/>
              <a:gd name="T16" fmla="*/ 59 w 114"/>
              <a:gd name="T17" fmla="*/ 26 h 167"/>
              <a:gd name="T18" fmla="*/ 111 w 114"/>
              <a:gd name="T19" fmla="*/ 17 h 167"/>
              <a:gd name="T20" fmla="*/ 77 w 114"/>
              <a:gd name="T21" fmla="*/ 1 h 167"/>
              <a:gd name="T22" fmla="*/ 29 w 114"/>
              <a:gd name="T23" fmla="*/ 6 h 167"/>
              <a:gd name="T24" fmla="*/ 0 w 114"/>
              <a:gd name="T25" fmla="*/ 21 h 167"/>
              <a:gd name="T26" fmla="*/ 111 w 114"/>
              <a:gd name="T27" fmla="*/ 167 h 167"/>
              <a:gd name="T28" fmla="*/ 111 w 114"/>
              <a:gd name="T29" fmla="*/ 17 h 167"/>
              <a:gd name="T30" fmla="*/ 6 w 114"/>
              <a:gd name="T31" fmla="*/ 24 h 167"/>
              <a:gd name="T32" fmla="*/ 34 w 114"/>
              <a:gd name="T33" fmla="*/ 10 h 167"/>
              <a:gd name="T34" fmla="*/ 75 w 114"/>
              <a:gd name="T35" fmla="*/ 7 h 167"/>
              <a:gd name="T36" fmla="*/ 89 w 114"/>
              <a:gd name="T37" fmla="*/ 24 h 167"/>
              <a:gd name="T38" fmla="*/ 108 w 114"/>
              <a:gd name="T39" fmla="*/ 161 h 167"/>
              <a:gd name="T40" fmla="*/ 44 w 114"/>
              <a:gd name="T41" fmla="*/ 64 h 167"/>
              <a:gd name="T42" fmla="*/ 25 w 114"/>
              <a:gd name="T43" fmla="*/ 67 h 167"/>
              <a:gd name="T44" fmla="*/ 23 w 114"/>
              <a:gd name="T45" fmla="*/ 48 h 167"/>
              <a:gd name="T46" fmla="*/ 33 w 114"/>
              <a:gd name="T47" fmla="*/ 40 h 167"/>
              <a:gd name="T48" fmla="*/ 13 w 114"/>
              <a:gd name="T49" fmla="*/ 65 h 167"/>
              <a:gd name="T50" fmla="*/ 30 w 114"/>
              <a:gd name="T51" fmla="*/ 56 h 167"/>
              <a:gd name="T52" fmla="*/ 21 w 114"/>
              <a:gd name="T53" fmla="*/ 57 h 167"/>
              <a:gd name="T54" fmla="*/ 31 w 114"/>
              <a:gd name="T55" fmla="*/ 64 h 167"/>
              <a:gd name="T56" fmla="*/ 47 w 114"/>
              <a:gd name="T57" fmla="*/ 42 h 167"/>
              <a:gd name="T58" fmla="*/ 64 w 114"/>
              <a:gd name="T59" fmla="*/ 59 h 167"/>
              <a:gd name="T60" fmla="*/ 98 w 114"/>
              <a:gd name="T61" fmla="*/ 52 h 167"/>
              <a:gd name="T62" fmla="*/ 24 w 114"/>
              <a:gd name="T63" fmla="*/ 112 h 167"/>
              <a:gd name="T64" fmla="*/ 42 w 114"/>
              <a:gd name="T65" fmla="*/ 98 h 167"/>
              <a:gd name="T66" fmla="*/ 19 w 114"/>
              <a:gd name="T67" fmla="*/ 101 h 167"/>
              <a:gd name="T68" fmla="*/ 31 w 114"/>
              <a:gd name="T69" fmla="*/ 86 h 167"/>
              <a:gd name="T70" fmla="*/ 20 w 114"/>
              <a:gd name="T71" fmla="*/ 81 h 167"/>
              <a:gd name="T72" fmla="*/ 24 w 114"/>
              <a:gd name="T73" fmla="*/ 112 h 167"/>
              <a:gd name="T74" fmla="*/ 61 w 114"/>
              <a:gd name="T75" fmla="*/ 95 h 167"/>
              <a:gd name="T76" fmla="*/ 102 w 114"/>
              <a:gd name="T77" fmla="*/ 95 h 167"/>
              <a:gd name="T78" fmla="*/ 30 w 114"/>
              <a:gd name="T79" fmla="*/ 94 h 167"/>
              <a:gd name="T80" fmla="*/ 21 w 114"/>
              <a:gd name="T81" fmla="*/ 96 h 167"/>
              <a:gd name="T82" fmla="*/ 31 w 114"/>
              <a:gd name="T83" fmla="*/ 104 h 167"/>
              <a:gd name="T84" fmla="*/ 47 w 114"/>
              <a:gd name="T85" fmla="*/ 81 h 167"/>
              <a:gd name="T86" fmla="*/ 64 w 114"/>
              <a:gd name="T87" fmla="*/ 131 h 167"/>
              <a:gd name="T88" fmla="*/ 98 w 114"/>
              <a:gd name="T89" fmla="*/ 138 h 167"/>
              <a:gd name="T90" fmla="*/ 29 w 114"/>
              <a:gd name="T91" fmla="*/ 117 h 167"/>
              <a:gd name="T92" fmla="*/ 46 w 114"/>
              <a:gd name="T93" fmla="*/ 134 h 167"/>
              <a:gd name="T94" fmla="*/ 18 w 114"/>
              <a:gd name="T95" fmla="*/ 134 h 167"/>
              <a:gd name="T96" fmla="*/ 29 w 114"/>
              <a:gd name="T97" fmla="*/ 144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14" h="167">
                <a:moveTo>
                  <a:pt x="67" y="33"/>
                </a:moveTo>
                <a:cubicBezTo>
                  <a:pt x="68" y="33"/>
                  <a:pt x="70" y="33"/>
                  <a:pt x="71" y="33"/>
                </a:cubicBezTo>
                <a:cubicBezTo>
                  <a:pt x="76" y="33"/>
                  <a:pt x="79" y="30"/>
                  <a:pt x="81" y="27"/>
                </a:cubicBezTo>
                <a:cubicBezTo>
                  <a:pt x="84" y="23"/>
                  <a:pt x="84" y="17"/>
                  <a:pt x="81" y="13"/>
                </a:cubicBezTo>
                <a:cubicBezTo>
                  <a:pt x="78" y="10"/>
                  <a:pt x="75" y="9"/>
                  <a:pt x="71" y="8"/>
                </a:cubicBezTo>
                <a:cubicBezTo>
                  <a:pt x="68" y="8"/>
                  <a:pt x="65" y="8"/>
                  <a:pt x="62" y="8"/>
                </a:cubicBezTo>
                <a:cubicBezTo>
                  <a:pt x="59" y="8"/>
                  <a:pt x="56" y="8"/>
                  <a:pt x="53" y="8"/>
                </a:cubicBezTo>
                <a:cubicBezTo>
                  <a:pt x="50" y="8"/>
                  <a:pt x="47" y="8"/>
                  <a:pt x="44" y="8"/>
                </a:cubicBezTo>
                <a:cubicBezTo>
                  <a:pt x="44" y="8"/>
                  <a:pt x="44" y="8"/>
                  <a:pt x="44" y="8"/>
                </a:cubicBezTo>
                <a:cubicBezTo>
                  <a:pt x="38" y="9"/>
                  <a:pt x="34" y="12"/>
                  <a:pt x="33" y="16"/>
                </a:cubicBezTo>
                <a:cubicBezTo>
                  <a:pt x="31" y="21"/>
                  <a:pt x="32" y="26"/>
                  <a:pt x="35" y="29"/>
                </a:cubicBezTo>
                <a:cubicBezTo>
                  <a:pt x="38" y="32"/>
                  <a:pt x="41" y="33"/>
                  <a:pt x="45" y="33"/>
                </a:cubicBezTo>
                <a:cubicBezTo>
                  <a:pt x="59" y="33"/>
                  <a:pt x="59" y="33"/>
                  <a:pt x="59" y="33"/>
                </a:cubicBezTo>
                <a:cubicBezTo>
                  <a:pt x="60" y="33"/>
                  <a:pt x="62" y="33"/>
                  <a:pt x="63" y="33"/>
                </a:cubicBezTo>
                <a:cubicBezTo>
                  <a:pt x="64" y="33"/>
                  <a:pt x="66" y="33"/>
                  <a:pt x="67" y="33"/>
                </a:cubicBezTo>
                <a:close/>
                <a:moveTo>
                  <a:pt x="45" y="26"/>
                </a:moveTo>
                <a:cubicBezTo>
                  <a:pt x="43" y="26"/>
                  <a:pt x="41" y="26"/>
                  <a:pt x="40" y="25"/>
                </a:cubicBezTo>
                <a:cubicBezTo>
                  <a:pt x="38" y="23"/>
                  <a:pt x="38" y="21"/>
                  <a:pt x="38" y="18"/>
                </a:cubicBezTo>
                <a:cubicBezTo>
                  <a:pt x="39" y="17"/>
                  <a:pt x="41" y="15"/>
                  <a:pt x="44" y="15"/>
                </a:cubicBezTo>
                <a:cubicBezTo>
                  <a:pt x="47" y="15"/>
                  <a:pt x="50" y="15"/>
                  <a:pt x="53" y="15"/>
                </a:cubicBezTo>
                <a:cubicBezTo>
                  <a:pt x="56" y="15"/>
                  <a:pt x="59" y="15"/>
                  <a:pt x="62" y="15"/>
                </a:cubicBezTo>
                <a:cubicBezTo>
                  <a:pt x="65" y="15"/>
                  <a:pt x="68" y="15"/>
                  <a:pt x="71" y="15"/>
                </a:cubicBezTo>
                <a:cubicBezTo>
                  <a:pt x="73" y="15"/>
                  <a:pt x="75" y="16"/>
                  <a:pt x="76" y="17"/>
                </a:cubicBezTo>
                <a:cubicBezTo>
                  <a:pt x="77" y="19"/>
                  <a:pt x="77" y="22"/>
                  <a:pt x="76" y="24"/>
                </a:cubicBezTo>
                <a:cubicBezTo>
                  <a:pt x="75" y="26"/>
                  <a:pt x="72" y="26"/>
                  <a:pt x="71" y="26"/>
                </a:cubicBezTo>
                <a:cubicBezTo>
                  <a:pt x="68" y="27"/>
                  <a:pt x="66" y="27"/>
                  <a:pt x="63" y="27"/>
                </a:cubicBezTo>
                <a:cubicBezTo>
                  <a:pt x="62" y="26"/>
                  <a:pt x="60" y="26"/>
                  <a:pt x="59" y="26"/>
                </a:cubicBezTo>
                <a:cubicBezTo>
                  <a:pt x="45" y="26"/>
                  <a:pt x="45" y="26"/>
                  <a:pt x="45" y="26"/>
                </a:cubicBezTo>
                <a:cubicBezTo>
                  <a:pt x="45" y="26"/>
                  <a:pt x="45" y="26"/>
                  <a:pt x="45" y="26"/>
                </a:cubicBezTo>
                <a:close/>
                <a:moveTo>
                  <a:pt x="111" y="17"/>
                </a:moveTo>
                <a:cubicBezTo>
                  <a:pt x="92" y="17"/>
                  <a:pt x="92" y="17"/>
                  <a:pt x="92" y="17"/>
                </a:cubicBezTo>
                <a:cubicBezTo>
                  <a:pt x="91" y="13"/>
                  <a:pt x="89" y="10"/>
                  <a:pt x="87" y="8"/>
                </a:cubicBezTo>
                <a:cubicBezTo>
                  <a:pt x="85" y="4"/>
                  <a:pt x="81" y="2"/>
                  <a:pt x="77" y="1"/>
                </a:cubicBezTo>
                <a:cubicBezTo>
                  <a:pt x="75" y="0"/>
                  <a:pt x="72" y="0"/>
                  <a:pt x="70" y="0"/>
                </a:cubicBezTo>
                <a:cubicBezTo>
                  <a:pt x="44" y="0"/>
                  <a:pt x="44" y="0"/>
                  <a:pt x="44" y="0"/>
                </a:cubicBezTo>
                <a:cubicBezTo>
                  <a:pt x="38" y="0"/>
                  <a:pt x="33" y="2"/>
                  <a:pt x="29" y="6"/>
                </a:cubicBezTo>
                <a:cubicBezTo>
                  <a:pt x="26" y="9"/>
                  <a:pt x="25" y="12"/>
                  <a:pt x="24" y="17"/>
                </a:cubicBezTo>
                <a:cubicBezTo>
                  <a:pt x="3" y="17"/>
                  <a:pt x="3" y="17"/>
                  <a:pt x="3" y="17"/>
                </a:cubicBezTo>
                <a:cubicBezTo>
                  <a:pt x="1" y="17"/>
                  <a:pt x="0" y="19"/>
                  <a:pt x="0" y="21"/>
                </a:cubicBezTo>
                <a:cubicBezTo>
                  <a:pt x="0" y="164"/>
                  <a:pt x="0" y="164"/>
                  <a:pt x="0" y="164"/>
                </a:cubicBezTo>
                <a:cubicBezTo>
                  <a:pt x="0" y="166"/>
                  <a:pt x="1" y="167"/>
                  <a:pt x="3" y="167"/>
                </a:cubicBezTo>
                <a:cubicBezTo>
                  <a:pt x="111" y="167"/>
                  <a:pt x="111" y="167"/>
                  <a:pt x="111" y="167"/>
                </a:cubicBezTo>
                <a:cubicBezTo>
                  <a:pt x="113" y="167"/>
                  <a:pt x="114" y="166"/>
                  <a:pt x="114" y="164"/>
                </a:cubicBezTo>
                <a:cubicBezTo>
                  <a:pt x="114" y="21"/>
                  <a:pt x="114" y="21"/>
                  <a:pt x="114" y="21"/>
                </a:cubicBezTo>
                <a:cubicBezTo>
                  <a:pt x="114" y="19"/>
                  <a:pt x="113" y="17"/>
                  <a:pt x="111" y="17"/>
                </a:cubicBezTo>
                <a:close/>
                <a:moveTo>
                  <a:pt x="108" y="161"/>
                </a:moveTo>
                <a:cubicBezTo>
                  <a:pt x="6" y="161"/>
                  <a:pt x="6" y="161"/>
                  <a:pt x="6" y="161"/>
                </a:cubicBezTo>
                <a:cubicBezTo>
                  <a:pt x="6" y="24"/>
                  <a:pt x="6" y="24"/>
                  <a:pt x="6" y="24"/>
                </a:cubicBezTo>
                <a:cubicBezTo>
                  <a:pt x="26" y="24"/>
                  <a:pt x="26" y="24"/>
                  <a:pt x="26" y="24"/>
                </a:cubicBezTo>
                <a:cubicBezTo>
                  <a:pt x="28" y="24"/>
                  <a:pt x="29" y="22"/>
                  <a:pt x="29" y="21"/>
                </a:cubicBezTo>
                <a:cubicBezTo>
                  <a:pt x="30" y="16"/>
                  <a:pt x="31" y="13"/>
                  <a:pt x="34" y="10"/>
                </a:cubicBezTo>
                <a:cubicBezTo>
                  <a:pt x="37" y="8"/>
                  <a:pt x="40" y="6"/>
                  <a:pt x="44" y="6"/>
                </a:cubicBezTo>
                <a:cubicBezTo>
                  <a:pt x="70" y="6"/>
                  <a:pt x="70" y="6"/>
                  <a:pt x="70" y="6"/>
                </a:cubicBezTo>
                <a:cubicBezTo>
                  <a:pt x="72" y="6"/>
                  <a:pt x="73" y="6"/>
                  <a:pt x="75" y="7"/>
                </a:cubicBezTo>
                <a:cubicBezTo>
                  <a:pt x="78" y="8"/>
                  <a:pt x="81" y="9"/>
                  <a:pt x="82" y="12"/>
                </a:cubicBezTo>
                <a:cubicBezTo>
                  <a:pt x="84" y="14"/>
                  <a:pt x="85" y="17"/>
                  <a:pt x="85" y="21"/>
                </a:cubicBezTo>
                <a:cubicBezTo>
                  <a:pt x="86" y="22"/>
                  <a:pt x="87" y="24"/>
                  <a:pt x="89" y="24"/>
                </a:cubicBezTo>
                <a:cubicBezTo>
                  <a:pt x="108" y="24"/>
                  <a:pt x="108" y="24"/>
                  <a:pt x="108" y="24"/>
                </a:cubicBezTo>
                <a:cubicBezTo>
                  <a:pt x="108" y="161"/>
                  <a:pt x="108" y="161"/>
                  <a:pt x="108" y="161"/>
                </a:cubicBezTo>
                <a:cubicBezTo>
                  <a:pt x="108" y="161"/>
                  <a:pt x="108" y="161"/>
                  <a:pt x="108" y="161"/>
                </a:cubicBezTo>
                <a:close/>
                <a:moveTo>
                  <a:pt x="24" y="73"/>
                </a:moveTo>
                <a:cubicBezTo>
                  <a:pt x="25" y="74"/>
                  <a:pt x="27" y="74"/>
                  <a:pt x="28" y="74"/>
                </a:cubicBezTo>
                <a:cubicBezTo>
                  <a:pt x="35" y="74"/>
                  <a:pt x="41" y="70"/>
                  <a:pt x="44" y="64"/>
                </a:cubicBezTo>
                <a:cubicBezTo>
                  <a:pt x="44" y="62"/>
                  <a:pt x="44" y="60"/>
                  <a:pt x="42" y="59"/>
                </a:cubicBezTo>
                <a:cubicBezTo>
                  <a:pt x="40" y="59"/>
                  <a:pt x="38" y="59"/>
                  <a:pt x="37" y="61"/>
                </a:cubicBezTo>
                <a:cubicBezTo>
                  <a:pt x="35" y="65"/>
                  <a:pt x="30" y="68"/>
                  <a:pt x="25" y="67"/>
                </a:cubicBezTo>
                <a:cubicBezTo>
                  <a:pt x="23" y="66"/>
                  <a:pt x="20" y="64"/>
                  <a:pt x="19" y="62"/>
                </a:cubicBezTo>
                <a:cubicBezTo>
                  <a:pt x="18" y="60"/>
                  <a:pt x="18" y="57"/>
                  <a:pt x="18" y="55"/>
                </a:cubicBezTo>
                <a:cubicBezTo>
                  <a:pt x="19" y="52"/>
                  <a:pt x="20" y="50"/>
                  <a:pt x="23" y="48"/>
                </a:cubicBezTo>
                <a:cubicBezTo>
                  <a:pt x="25" y="47"/>
                  <a:pt x="28" y="47"/>
                  <a:pt x="31" y="47"/>
                </a:cubicBezTo>
                <a:cubicBezTo>
                  <a:pt x="33" y="48"/>
                  <a:pt x="34" y="47"/>
                  <a:pt x="35" y="45"/>
                </a:cubicBezTo>
                <a:cubicBezTo>
                  <a:pt x="35" y="43"/>
                  <a:pt x="34" y="41"/>
                  <a:pt x="33" y="40"/>
                </a:cubicBezTo>
                <a:cubicBezTo>
                  <a:pt x="28" y="39"/>
                  <a:pt x="23" y="40"/>
                  <a:pt x="20" y="42"/>
                </a:cubicBezTo>
                <a:cubicBezTo>
                  <a:pt x="16" y="44"/>
                  <a:pt x="12" y="48"/>
                  <a:pt x="12" y="52"/>
                </a:cubicBezTo>
                <a:cubicBezTo>
                  <a:pt x="10" y="57"/>
                  <a:pt x="11" y="62"/>
                  <a:pt x="13" y="65"/>
                </a:cubicBezTo>
                <a:cubicBezTo>
                  <a:pt x="16" y="69"/>
                  <a:pt x="19" y="73"/>
                  <a:pt x="24" y="73"/>
                </a:cubicBezTo>
                <a:close/>
                <a:moveTo>
                  <a:pt x="42" y="42"/>
                </a:moveTo>
                <a:cubicBezTo>
                  <a:pt x="30" y="56"/>
                  <a:pt x="30" y="56"/>
                  <a:pt x="30" y="56"/>
                </a:cubicBezTo>
                <a:cubicBezTo>
                  <a:pt x="26" y="52"/>
                  <a:pt x="26" y="52"/>
                  <a:pt x="26" y="52"/>
                </a:cubicBezTo>
                <a:cubicBezTo>
                  <a:pt x="25" y="51"/>
                  <a:pt x="23" y="51"/>
                  <a:pt x="21" y="52"/>
                </a:cubicBezTo>
                <a:cubicBezTo>
                  <a:pt x="20" y="53"/>
                  <a:pt x="20" y="55"/>
                  <a:pt x="21" y="57"/>
                </a:cubicBezTo>
                <a:cubicBezTo>
                  <a:pt x="28" y="64"/>
                  <a:pt x="28" y="64"/>
                  <a:pt x="28" y="64"/>
                </a:cubicBezTo>
                <a:cubicBezTo>
                  <a:pt x="29" y="64"/>
                  <a:pt x="29" y="64"/>
                  <a:pt x="31" y="64"/>
                </a:cubicBezTo>
                <a:cubicBezTo>
                  <a:pt x="31" y="64"/>
                  <a:pt x="31" y="64"/>
                  <a:pt x="31" y="64"/>
                </a:cubicBezTo>
                <a:cubicBezTo>
                  <a:pt x="32" y="64"/>
                  <a:pt x="33" y="64"/>
                  <a:pt x="33" y="64"/>
                </a:cubicBezTo>
                <a:cubicBezTo>
                  <a:pt x="48" y="47"/>
                  <a:pt x="48" y="47"/>
                  <a:pt x="48" y="47"/>
                </a:cubicBezTo>
                <a:cubicBezTo>
                  <a:pt x="49" y="46"/>
                  <a:pt x="49" y="43"/>
                  <a:pt x="47" y="42"/>
                </a:cubicBezTo>
                <a:cubicBezTo>
                  <a:pt x="46" y="41"/>
                  <a:pt x="44" y="41"/>
                  <a:pt x="42" y="42"/>
                </a:cubicBezTo>
                <a:close/>
                <a:moveTo>
                  <a:pt x="61" y="55"/>
                </a:moveTo>
                <a:cubicBezTo>
                  <a:pt x="61" y="57"/>
                  <a:pt x="63" y="59"/>
                  <a:pt x="64" y="59"/>
                </a:cubicBezTo>
                <a:cubicBezTo>
                  <a:pt x="98" y="59"/>
                  <a:pt x="98" y="59"/>
                  <a:pt x="98" y="59"/>
                </a:cubicBezTo>
                <a:cubicBezTo>
                  <a:pt x="100" y="59"/>
                  <a:pt x="102" y="57"/>
                  <a:pt x="102" y="55"/>
                </a:cubicBezTo>
                <a:cubicBezTo>
                  <a:pt x="102" y="54"/>
                  <a:pt x="100" y="52"/>
                  <a:pt x="98" y="52"/>
                </a:cubicBezTo>
                <a:cubicBezTo>
                  <a:pt x="64" y="52"/>
                  <a:pt x="64" y="52"/>
                  <a:pt x="64" y="52"/>
                </a:cubicBezTo>
                <a:cubicBezTo>
                  <a:pt x="63" y="52"/>
                  <a:pt x="61" y="54"/>
                  <a:pt x="61" y="55"/>
                </a:cubicBezTo>
                <a:close/>
                <a:moveTo>
                  <a:pt x="24" y="112"/>
                </a:moveTo>
                <a:cubicBezTo>
                  <a:pt x="25" y="112"/>
                  <a:pt x="27" y="113"/>
                  <a:pt x="28" y="113"/>
                </a:cubicBezTo>
                <a:cubicBezTo>
                  <a:pt x="35" y="113"/>
                  <a:pt x="41" y="109"/>
                  <a:pt x="44" y="103"/>
                </a:cubicBezTo>
                <a:cubicBezTo>
                  <a:pt x="44" y="101"/>
                  <a:pt x="44" y="98"/>
                  <a:pt x="42" y="98"/>
                </a:cubicBezTo>
                <a:cubicBezTo>
                  <a:pt x="40" y="97"/>
                  <a:pt x="38" y="98"/>
                  <a:pt x="37" y="100"/>
                </a:cubicBezTo>
                <a:cubicBezTo>
                  <a:pt x="35" y="104"/>
                  <a:pt x="30" y="107"/>
                  <a:pt x="25" y="105"/>
                </a:cubicBezTo>
                <a:cubicBezTo>
                  <a:pt x="23" y="105"/>
                  <a:pt x="20" y="103"/>
                  <a:pt x="19" y="101"/>
                </a:cubicBezTo>
                <a:cubicBezTo>
                  <a:pt x="18" y="98"/>
                  <a:pt x="18" y="96"/>
                  <a:pt x="18" y="93"/>
                </a:cubicBezTo>
                <a:cubicBezTo>
                  <a:pt x="19" y="90"/>
                  <a:pt x="20" y="88"/>
                  <a:pt x="23" y="87"/>
                </a:cubicBezTo>
                <a:cubicBezTo>
                  <a:pt x="25" y="85"/>
                  <a:pt x="28" y="85"/>
                  <a:pt x="31" y="86"/>
                </a:cubicBezTo>
                <a:cubicBezTo>
                  <a:pt x="33" y="86"/>
                  <a:pt x="34" y="85"/>
                  <a:pt x="35" y="83"/>
                </a:cubicBezTo>
                <a:cubicBezTo>
                  <a:pt x="35" y="81"/>
                  <a:pt x="34" y="80"/>
                  <a:pt x="33" y="79"/>
                </a:cubicBezTo>
                <a:cubicBezTo>
                  <a:pt x="28" y="78"/>
                  <a:pt x="23" y="78"/>
                  <a:pt x="20" y="81"/>
                </a:cubicBezTo>
                <a:cubicBezTo>
                  <a:pt x="16" y="83"/>
                  <a:pt x="12" y="87"/>
                  <a:pt x="12" y="91"/>
                </a:cubicBezTo>
                <a:cubicBezTo>
                  <a:pt x="10" y="96"/>
                  <a:pt x="11" y="100"/>
                  <a:pt x="13" y="104"/>
                </a:cubicBezTo>
                <a:cubicBezTo>
                  <a:pt x="16" y="108"/>
                  <a:pt x="19" y="111"/>
                  <a:pt x="24" y="112"/>
                </a:cubicBezTo>
                <a:close/>
                <a:moveTo>
                  <a:pt x="98" y="91"/>
                </a:moveTo>
                <a:cubicBezTo>
                  <a:pt x="64" y="91"/>
                  <a:pt x="64" y="91"/>
                  <a:pt x="64" y="91"/>
                </a:cubicBezTo>
                <a:cubicBezTo>
                  <a:pt x="63" y="91"/>
                  <a:pt x="61" y="93"/>
                  <a:pt x="61" y="95"/>
                </a:cubicBezTo>
                <a:cubicBezTo>
                  <a:pt x="61" y="97"/>
                  <a:pt x="63" y="98"/>
                  <a:pt x="64" y="98"/>
                </a:cubicBezTo>
                <a:cubicBezTo>
                  <a:pt x="98" y="98"/>
                  <a:pt x="98" y="98"/>
                  <a:pt x="98" y="98"/>
                </a:cubicBezTo>
                <a:cubicBezTo>
                  <a:pt x="100" y="98"/>
                  <a:pt x="102" y="97"/>
                  <a:pt x="102" y="95"/>
                </a:cubicBezTo>
                <a:cubicBezTo>
                  <a:pt x="102" y="93"/>
                  <a:pt x="100" y="91"/>
                  <a:pt x="98" y="91"/>
                </a:cubicBezTo>
                <a:close/>
                <a:moveTo>
                  <a:pt x="42" y="81"/>
                </a:moveTo>
                <a:cubicBezTo>
                  <a:pt x="30" y="94"/>
                  <a:pt x="30" y="94"/>
                  <a:pt x="30" y="94"/>
                </a:cubicBezTo>
                <a:cubicBezTo>
                  <a:pt x="26" y="90"/>
                  <a:pt x="26" y="90"/>
                  <a:pt x="26" y="90"/>
                </a:cubicBezTo>
                <a:cubicBezTo>
                  <a:pt x="25" y="89"/>
                  <a:pt x="23" y="89"/>
                  <a:pt x="21" y="90"/>
                </a:cubicBezTo>
                <a:cubicBezTo>
                  <a:pt x="20" y="92"/>
                  <a:pt x="20" y="94"/>
                  <a:pt x="21" y="96"/>
                </a:cubicBezTo>
                <a:cubicBezTo>
                  <a:pt x="28" y="103"/>
                  <a:pt x="28" y="103"/>
                  <a:pt x="28" y="103"/>
                </a:cubicBezTo>
                <a:cubicBezTo>
                  <a:pt x="29" y="103"/>
                  <a:pt x="29" y="104"/>
                  <a:pt x="31" y="104"/>
                </a:cubicBezTo>
                <a:cubicBezTo>
                  <a:pt x="31" y="104"/>
                  <a:pt x="31" y="104"/>
                  <a:pt x="31" y="104"/>
                </a:cubicBezTo>
                <a:cubicBezTo>
                  <a:pt x="32" y="104"/>
                  <a:pt x="33" y="103"/>
                  <a:pt x="33" y="103"/>
                </a:cubicBezTo>
                <a:cubicBezTo>
                  <a:pt x="48" y="86"/>
                  <a:pt x="48" y="86"/>
                  <a:pt x="48" y="86"/>
                </a:cubicBezTo>
                <a:cubicBezTo>
                  <a:pt x="49" y="84"/>
                  <a:pt x="49" y="82"/>
                  <a:pt x="47" y="81"/>
                </a:cubicBezTo>
                <a:cubicBezTo>
                  <a:pt x="46" y="79"/>
                  <a:pt x="44" y="80"/>
                  <a:pt x="42" y="81"/>
                </a:cubicBezTo>
                <a:close/>
                <a:moveTo>
                  <a:pt x="98" y="131"/>
                </a:moveTo>
                <a:cubicBezTo>
                  <a:pt x="64" y="131"/>
                  <a:pt x="64" y="131"/>
                  <a:pt x="64" y="131"/>
                </a:cubicBezTo>
                <a:cubicBezTo>
                  <a:pt x="63" y="131"/>
                  <a:pt x="61" y="133"/>
                  <a:pt x="61" y="134"/>
                </a:cubicBezTo>
                <a:cubicBezTo>
                  <a:pt x="61" y="136"/>
                  <a:pt x="63" y="138"/>
                  <a:pt x="64" y="138"/>
                </a:cubicBezTo>
                <a:cubicBezTo>
                  <a:pt x="98" y="138"/>
                  <a:pt x="98" y="138"/>
                  <a:pt x="98" y="138"/>
                </a:cubicBezTo>
                <a:cubicBezTo>
                  <a:pt x="100" y="138"/>
                  <a:pt x="102" y="136"/>
                  <a:pt x="102" y="134"/>
                </a:cubicBezTo>
                <a:cubicBezTo>
                  <a:pt x="102" y="133"/>
                  <a:pt x="100" y="131"/>
                  <a:pt x="98" y="131"/>
                </a:cubicBezTo>
                <a:close/>
                <a:moveTo>
                  <a:pt x="29" y="117"/>
                </a:moveTo>
                <a:cubicBezTo>
                  <a:pt x="19" y="117"/>
                  <a:pt x="11" y="125"/>
                  <a:pt x="11" y="134"/>
                </a:cubicBezTo>
                <a:cubicBezTo>
                  <a:pt x="11" y="144"/>
                  <a:pt x="19" y="151"/>
                  <a:pt x="29" y="151"/>
                </a:cubicBezTo>
                <a:cubicBezTo>
                  <a:pt x="38" y="151"/>
                  <a:pt x="46" y="144"/>
                  <a:pt x="46" y="134"/>
                </a:cubicBezTo>
                <a:cubicBezTo>
                  <a:pt x="46" y="125"/>
                  <a:pt x="38" y="117"/>
                  <a:pt x="29" y="117"/>
                </a:cubicBezTo>
                <a:close/>
                <a:moveTo>
                  <a:pt x="29" y="144"/>
                </a:moveTo>
                <a:cubicBezTo>
                  <a:pt x="23" y="144"/>
                  <a:pt x="18" y="140"/>
                  <a:pt x="18" y="134"/>
                </a:cubicBezTo>
                <a:cubicBezTo>
                  <a:pt x="18" y="128"/>
                  <a:pt x="23" y="124"/>
                  <a:pt x="29" y="124"/>
                </a:cubicBezTo>
                <a:cubicBezTo>
                  <a:pt x="34" y="124"/>
                  <a:pt x="38" y="128"/>
                  <a:pt x="38" y="134"/>
                </a:cubicBezTo>
                <a:cubicBezTo>
                  <a:pt x="38" y="140"/>
                  <a:pt x="34" y="144"/>
                  <a:pt x="29" y="144"/>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pPr defTabSz="914400"/>
            <a:endParaRPr lang="en-US" dirty="0">
              <a:solidFill>
                <a:srgbClr val="000000"/>
              </a:solidFill>
            </a:endParaRPr>
          </a:p>
        </p:txBody>
      </p:sp>
    </p:spTree>
    <p:custDataLst>
      <p:tags r:id="rId1"/>
    </p:custDataLst>
    <p:extLst>
      <p:ext uri="{BB962C8B-B14F-4D97-AF65-F5344CB8AC3E}">
        <p14:creationId xmlns:p14="http://schemas.microsoft.com/office/powerpoint/2010/main" val="432797726"/>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E489FF82-0FD0-47CA-8033-BA44F043BB6A}"/>
              </a:ext>
            </a:extLst>
          </p:cNvPr>
          <p:cNvSpPr>
            <a:spLocks noGrp="1"/>
          </p:cNvSpPr>
          <p:nvPr>
            <p:ph type="title"/>
          </p:nvPr>
        </p:nvSpPr>
        <p:spPr/>
        <p:txBody>
          <a:bodyPr/>
          <a:lstStyle/>
          <a:p>
            <a:r>
              <a:rPr lang="en-US" sz="2800" dirty="0"/>
              <a:t>Step 1: Review &amp; Understand Your Current In-Person Model</a:t>
            </a:r>
          </a:p>
        </p:txBody>
      </p:sp>
      <p:sp>
        <p:nvSpPr>
          <p:cNvPr id="39" name="TextBox 38">
            <a:extLst>
              <a:ext uri="{FF2B5EF4-FFF2-40B4-BE49-F238E27FC236}">
                <a16:creationId xmlns:a16="http://schemas.microsoft.com/office/drawing/2014/main" id="{28F417AA-5622-4D95-AF2D-3472FAA1DB37}"/>
              </a:ext>
            </a:extLst>
          </p:cNvPr>
          <p:cNvSpPr txBox="1"/>
          <p:nvPr/>
        </p:nvSpPr>
        <p:spPr>
          <a:xfrm>
            <a:off x="711204" y="2081696"/>
            <a:ext cx="5569724" cy="6373733"/>
          </a:xfrm>
          <a:prstGeom prst="rect">
            <a:avLst/>
          </a:prstGeom>
          <a:noFill/>
        </p:spPr>
        <p:txBody>
          <a:bodyPr vert="horz" wrap="square" lIns="91440" tIns="45720" rIns="91440" bIns="45720" rtlCol="0" anchor="t">
            <a:spAutoFit/>
          </a:bodyPr>
          <a:lstStyle/>
          <a:p>
            <a:pPr marL="342900" indent="-342900" algn="l">
              <a:lnSpc>
                <a:spcPct val="110000"/>
              </a:lnSpc>
              <a:buFont typeface="Wingdings" panose="05000000000000000000" pitchFamily="2" charset="2"/>
              <a:buChar char="§"/>
            </a:pPr>
            <a:r>
              <a:rPr lang="en-US" sz="2000" b="0" i="0" dirty="0">
                <a:solidFill>
                  <a:schemeClr val="tx2"/>
                </a:solidFill>
                <a:latin typeface="AmplitudeTF" panose="02000506050000020004" pitchFamily="50" charset="0"/>
              </a:rPr>
              <a:t>What does your current in-person model look like? What components need to be virtualized?</a:t>
            </a:r>
          </a:p>
          <a:p>
            <a:pPr marL="342900" indent="-342900" algn="l">
              <a:lnSpc>
                <a:spcPct val="110000"/>
              </a:lnSpc>
              <a:buFont typeface="Wingdings" panose="05000000000000000000" pitchFamily="2" charset="2"/>
              <a:buChar char="§"/>
            </a:pPr>
            <a:endParaRPr lang="en-US" sz="2000" b="0" i="0" dirty="0">
              <a:solidFill>
                <a:schemeClr val="tx2"/>
              </a:solidFill>
              <a:latin typeface="AmplitudeTF" panose="02000506050000020004" pitchFamily="50" charset="0"/>
            </a:endParaRPr>
          </a:p>
          <a:p>
            <a:pPr marL="342900" indent="-342900">
              <a:lnSpc>
                <a:spcPct val="110000"/>
              </a:lnSpc>
              <a:buFont typeface="Wingdings" panose="05000000000000000000" pitchFamily="2" charset="2"/>
              <a:buChar char="§"/>
            </a:pPr>
            <a:r>
              <a:rPr lang="en-US" sz="2000" dirty="0">
                <a:solidFill>
                  <a:schemeClr val="tx2"/>
                </a:solidFill>
                <a:latin typeface="AmplitudeTF" panose="02000506050000020004" pitchFamily="50" charset="0"/>
              </a:rPr>
              <a:t>Examples: </a:t>
            </a:r>
          </a:p>
          <a:p>
            <a:pPr marL="800100" lvl="1" indent="-342900">
              <a:lnSpc>
                <a:spcPct val="110000"/>
              </a:lnSpc>
              <a:buFont typeface="Arial" panose="020B0604020202020204" pitchFamily="34" charset="0"/>
              <a:buChar char="•"/>
            </a:pPr>
            <a:r>
              <a:rPr lang="en-US" sz="2000" dirty="0">
                <a:solidFill>
                  <a:schemeClr val="tx2"/>
                </a:solidFill>
                <a:latin typeface="AmplitudeTF" panose="02000506050000020004" pitchFamily="50" charset="0"/>
              </a:rPr>
              <a:t>Fundraising event (Gala, Silent Auction, Race, etc.)</a:t>
            </a:r>
          </a:p>
          <a:p>
            <a:pPr marL="800100" lvl="1" indent="-342900">
              <a:lnSpc>
                <a:spcPct val="110000"/>
              </a:lnSpc>
              <a:buFont typeface="Arial" panose="020B0604020202020204" pitchFamily="34" charset="0"/>
              <a:buChar char="•"/>
            </a:pPr>
            <a:r>
              <a:rPr lang="en-US" sz="2000" dirty="0">
                <a:solidFill>
                  <a:schemeClr val="tx2"/>
                </a:solidFill>
                <a:latin typeface="AmplitudeTF" panose="02000506050000020004" pitchFamily="50" charset="0"/>
              </a:rPr>
              <a:t>Client consultations</a:t>
            </a:r>
          </a:p>
          <a:p>
            <a:pPr marL="800100" lvl="1" indent="-342900">
              <a:lnSpc>
                <a:spcPct val="110000"/>
              </a:lnSpc>
              <a:buFont typeface="Arial" panose="020B0604020202020204" pitchFamily="34" charset="0"/>
              <a:buChar char="•"/>
            </a:pPr>
            <a:r>
              <a:rPr lang="en-US" sz="2000" dirty="0">
                <a:solidFill>
                  <a:schemeClr val="tx2"/>
                </a:solidFill>
                <a:latin typeface="AmplitudeTF" panose="02000506050000020004" pitchFamily="50" charset="0"/>
              </a:rPr>
              <a:t>Classroom learning for students or constituents</a:t>
            </a:r>
          </a:p>
          <a:p>
            <a:pPr marL="800100" lvl="1" indent="-342900">
              <a:lnSpc>
                <a:spcPct val="110000"/>
              </a:lnSpc>
              <a:buFont typeface="Arial" panose="020B0604020202020204" pitchFamily="34" charset="0"/>
              <a:buChar char="•"/>
            </a:pPr>
            <a:r>
              <a:rPr lang="en-US" sz="2000" dirty="0">
                <a:solidFill>
                  <a:schemeClr val="tx2"/>
                </a:solidFill>
                <a:latin typeface="AmplitudeTF" panose="02000506050000020004" pitchFamily="50" charset="0"/>
              </a:rPr>
              <a:t>Training for employees or volunteers</a:t>
            </a:r>
          </a:p>
          <a:p>
            <a:pPr marL="800100" lvl="1" indent="-342900">
              <a:lnSpc>
                <a:spcPct val="110000"/>
              </a:lnSpc>
              <a:buFont typeface="Arial" panose="020B0604020202020204" pitchFamily="34" charset="0"/>
              <a:buChar char="•"/>
            </a:pPr>
            <a:r>
              <a:rPr lang="en-US" sz="2000" dirty="0">
                <a:solidFill>
                  <a:schemeClr val="tx2"/>
                </a:solidFill>
                <a:latin typeface="AmplitudeTF" panose="02000506050000020004" pitchFamily="50" charset="0"/>
              </a:rPr>
              <a:t>Conference or convention</a:t>
            </a:r>
          </a:p>
          <a:p>
            <a:pPr marL="342900" indent="-342900" algn="l">
              <a:lnSpc>
                <a:spcPct val="110000"/>
              </a:lnSpc>
              <a:buFont typeface="Wingdings" panose="05000000000000000000" pitchFamily="2" charset="2"/>
              <a:buChar char="§"/>
            </a:pPr>
            <a:endParaRPr lang="en-US" sz="2000" b="0" i="0" dirty="0">
              <a:solidFill>
                <a:schemeClr val="tx2"/>
              </a:solidFill>
              <a:latin typeface="AmplitudeTF" panose="02000506050000020004" pitchFamily="50" charset="0"/>
            </a:endParaRPr>
          </a:p>
          <a:p>
            <a:pPr marL="342900" indent="-342900">
              <a:lnSpc>
                <a:spcPct val="110000"/>
              </a:lnSpc>
              <a:buFont typeface="Wingdings" panose="05000000000000000000" pitchFamily="2" charset="2"/>
              <a:buChar char="§"/>
            </a:pPr>
            <a:r>
              <a:rPr lang="en-US" sz="2000" dirty="0">
                <a:solidFill>
                  <a:schemeClr val="tx2"/>
                </a:solidFill>
                <a:latin typeface="AmplitudeTF" panose="02000506050000020004" pitchFamily="50" charset="0"/>
              </a:rPr>
              <a:t>Brainstorm what aspects of your in-person model could still work in a virtual model</a:t>
            </a:r>
          </a:p>
          <a:p>
            <a:pPr marL="342900" indent="-342900" algn="l">
              <a:lnSpc>
                <a:spcPct val="110000"/>
              </a:lnSpc>
              <a:buFont typeface="Wingdings" panose="05000000000000000000" pitchFamily="2" charset="2"/>
              <a:buChar char="§"/>
            </a:pPr>
            <a:endParaRPr lang="en-US" sz="2000" dirty="0">
              <a:solidFill>
                <a:schemeClr val="tx2"/>
              </a:solidFill>
              <a:latin typeface="AmplitudeTF" panose="02000506050000020004" pitchFamily="50" charset="0"/>
            </a:endParaRPr>
          </a:p>
          <a:p>
            <a:pPr marL="342900" indent="-342900" algn="l">
              <a:lnSpc>
                <a:spcPct val="110000"/>
              </a:lnSpc>
              <a:buFont typeface="Wingdings" panose="05000000000000000000" pitchFamily="2" charset="2"/>
              <a:buChar char="§"/>
            </a:pPr>
            <a:endParaRPr lang="en-US" sz="2000" b="0" i="0" dirty="0">
              <a:solidFill>
                <a:schemeClr val="tx2"/>
              </a:solidFill>
              <a:latin typeface="AmplitudeTF" panose="02000506050000020004" pitchFamily="50" charset="0"/>
            </a:endParaRPr>
          </a:p>
          <a:p>
            <a:pPr marL="800100" lvl="1" indent="-342900">
              <a:lnSpc>
                <a:spcPct val="110000"/>
              </a:lnSpc>
              <a:buFont typeface="Wingdings" panose="05000000000000000000" pitchFamily="2" charset="2"/>
              <a:buChar char="§"/>
            </a:pPr>
            <a:endParaRPr lang="en-US" sz="2000" dirty="0">
              <a:solidFill>
                <a:schemeClr val="tx2"/>
              </a:solidFill>
              <a:latin typeface="AmplitudeTF" panose="02000506050000020004" pitchFamily="50" charset="0"/>
            </a:endParaRPr>
          </a:p>
          <a:p>
            <a:pPr marL="800100" lvl="1" indent="-342900">
              <a:lnSpc>
                <a:spcPct val="110000"/>
              </a:lnSpc>
              <a:buFont typeface="Wingdings" panose="05000000000000000000" pitchFamily="2" charset="2"/>
              <a:buChar char="§"/>
            </a:pPr>
            <a:endParaRPr lang="en-US" sz="2000" dirty="0">
              <a:solidFill>
                <a:schemeClr val="tx2"/>
              </a:solidFill>
              <a:latin typeface="AmplitudeTF" panose="02000506050000020004" pitchFamily="50" charset="0"/>
            </a:endParaRPr>
          </a:p>
          <a:p>
            <a:pPr marL="171450" indent="-171450" algn="l">
              <a:lnSpc>
                <a:spcPct val="110000"/>
              </a:lnSpc>
              <a:buFont typeface="Arial" panose="020B0604020202020204" pitchFamily="34" charset="0"/>
              <a:buChar char="•"/>
            </a:pPr>
            <a:endParaRPr lang="en-US" sz="1200" b="0" i="0" dirty="0">
              <a:solidFill>
                <a:schemeClr val="tx2"/>
              </a:solidFill>
              <a:latin typeface="Arial"/>
            </a:endParaRPr>
          </a:p>
        </p:txBody>
      </p:sp>
      <p:grpSp>
        <p:nvGrpSpPr>
          <p:cNvPr id="40" name="Group 39">
            <a:extLst>
              <a:ext uri="{FF2B5EF4-FFF2-40B4-BE49-F238E27FC236}">
                <a16:creationId xmlns:a16="http://schemas.microsoft.com/office/drawing/2014/main" id="{0B5749AC-DA57-41AC-A19C-02F79AC4522F}"/>
              </a:ext>
            </a:extLst>
          </p:cNvPr>
          <p:cNvGrpSpPr/>
          <p:nvPr/>
        </p:nvGrpSpPr>
        <p:grpSpPr>
          <a:xfrm>
            <a:off x="11533735" y="2838608"/>
            <a:ext cx="2337252" cy="2510109"/>
            <a:chOff x="5584825" y="2159000"/>
            <a:chExt cx="4146550" cy="3500525"/>
          </a:xfrm>
        </p:grpSpPr>
        <p:sp>
          <p:nvSpPr>
            <p:cNvPr id="41" name="Oval 40">
              <a:extLst>
                <a:ext uri="{FF2B5EF4-FFF2-40B4-BE49-F238E27FC236}">
                  <a16:creationId xmlns:a16="http://schemas.microsoft.com/office/drawing/2014/main" id="{63530DA8-DA73-4851-A5FE-CBFE016AC336}"/>
                </a:ext>
              </a:extLst>
            </p:cNvPr>
            <p:cNvSpPr/>
            <p:nvPr/>
          </p:nvSpPr>
          <p:spPr>
            <a:xfrm>
              <a:off x="6283000" y="5352827"/>
              <a:ext cx="2750200" cy="306698"/>
            </a:xfrm>
            <a:prstGeom prst="ellipse">
              <a:avLst/>
            </a:prstGeom>
            <a:solidFill>
              <a:schemeClr val="tx2">
                <a:lumMod val="60000"/>
                <a:lumOff val="40000"/>
              </a:schemeClr>
            </a:solidFill>
            <a:ln w="9525">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42" name="Group 41">
              <a:extLst>
                <a:ext uri="{FF2B5EF4-FFF2-40B4-BE49-F238E27FC236}">
                  <a16:creationId xmlns:a16="http://schemas.microsoft.com/office/drawing/2014/main" id="{E1AE374A-D754-4F1B-831D-D5754FD46EA8}"/>
                </a:ext>
              </a:extLst>
            </p:cNvPr>
            <p:cNvGrpSpPr/>
            <p:nvPr/>
          </p:nvGrpSpPr>
          <p:grpSpPr>
            <a:xfrm>
              <a:off x="5584825" y="2159000"/>
              <a:ext cx="4146550" cy="3334476"/>
              <a:chOff x="5584825" y="2159000"/>
              <a:chExt cx="4146550" cy="3334476"/>
            </a:xfrm>
          </p:grpSpPr>
          <p:sp>
            <p:nvSpPr>
              <p:cNvPr id="43" name="Trapezoid 42">
                <a:extLst>
                  <a:ext uri="{FF2B5EF4-FFF2-40B4-BE49-F238E27FC236}">
                    <a16:creationId xmlns:a16="http://schemas.microsoft.com/office/drawing/2014/main" id="{CB23E9B7-4B2D-4F83-990A-8CAACCD3D40B}"/>
                  </a:ext>
                </a:extLst>
              </p:cNvPr>
              <p:cNvSpPr/>
              <p:nvPr/>
            </p:nvSpPr>
            <p:spPr>
              <a:xfrm flipH="1">
                <a:off x="7132629" y="4795838"/>
                <a:ext cx="1050942" cy="631742"/>
              </a:xfrm>
              <a:prstGeom prst="trapezoid">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44" name="Group 43">
                <a:extLst>
                  <a:ext uri="{FF2B5EF4-FFF2-40B4-BE49-F238E27FC236}">
                    <a16:creationId xmlns:a16="http://schemas.microsoft.com/office/drawing/2014/main" id="{DE5DA17D-F235-47AA-ABE3-F9DBCE50889F}"/>
                  </a:ext>
                </a:extLst>
              </p:cNvPr>
              <p:cNvGrpSpPr/>
              <p:nvPr/>
            </p:nvGrpSpPr>
            <p:grpSpPr>
              <a:xfrm>
                <a:off x="5584825" y="2159000"/>
                <a:ext cx="4146550" cy="2835275"/>
                <a:chOff x="5584825" y="2159000"/>
                <a:chExt cx="4146550" cy="2835275"/>
              </a:xfrm>
            </p:grpSpPr>
            <p:sp>
              <p:nvSpPr>
                <p:cNvPr id="47" name="Rounded Rectangle 31">
                  <a:extLst>
                    <a:ext uri="{FF2B5EF4-FFF2-40B4-BE49-F238E27FC236}">
                      <a16:creationId xmlns:a16="http://schemas.microsoft.com/office/drawing/2014/main" id="{5A3BE97D-CE78-4A23-92A4-5B7D9A66A69C}"/>
                    </a:ext>
                  </a:extLst>
                </p:cNvPr>
                <p:cNvSpPr/>
                <p:nvPr/>
              </p:nvSpPr>
              <p:spPr>
                <a:xfrm>
                  <a:off x="5584825" y="2159000"/>
                  <a:ext cx="4146550" cy="2835275"/>
                </a:xfrm>
                <a:prstGeom prst="roundRect">
                  <a:avLst>
                    <a:gd name="adj" fmla="val 3005"/>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48" name="Rectangle 47">
                  <a:extLst>
                    <a:ext uri="{FF2B5EF4-FFF2-40B4-BE49-F238E27FC236}">
                      <a16:creationId xmlns:a16="http://schemas.microsoft.com/office/drawing/2014/main" id="{BCC09DF4-2748-4DA1-9A8C-5F7BFC592AD9}"/>
                    </a:ext>
                  </a:extLst>
                </p:cNvPr>
                <p:cNvSpPr/>
                <p:nvPr/>
              </p:nvSpPr>
              <p:spPr>
                <a:xfrm>
                  <a:off x="5748338" y="2311400"/>
                  <a:ext cx="3819525" cy="2152650"/>
                </a:xfrm>
                <a:prstGeom prst="rect">
                  <a:avLst/>
                </a:prstGeom>
                <a:solidFill>
                  <a:srgbClr val="ECECEC"/>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49" name="Round Same Side Corner Rectangle 35">
                  <a:extLst>
                    <a:ext uri="{FF2B5EF4-FFF2-40B4-BE49-F238E27FC236}">
                      <a16:creationId xmlns:a16="http://schemas.microsoft.com/office/drawing/2014/main" id="{FB4427A4-CEFC-41D3-A775-11D4DFE5B84B}"/>
                    </a:ext>
                  </a:extLst>
                </p:cNvPr>
                <p:cNvSpPr/>
                <p:nvPr/>
              </p:nvSpPr>
              <p:spPr>
                <a:xfrm flipV="1">
                  <a:off x="5584825" y="4619625"/>
                  <a:ext cx="4146550" cy="374650"/>
                </a:xfrm>
                <a:prstGeom prst="round2SameRect">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50" name="Oval 49">
                  <a:extLst>
                    <a:ext uri="{FF2B5EF4-FFF2-40B4-BE49-F238E27FC236}">
                      <a16:creationId xmlns:a16="http://schemas.microsoft.com/office/drawing/2014/main" id="{8158E43E-D7D6-4C6E-BD20-6D4F349FFA35}"/>
                    </a:ext>
                  </a:extLst>
                </p:cNvPr>
                <p:cNvSpPr/>
                <p:nvPr/>
              </p:nvSpPr>
              <p:spPr>
                <a:xfrm>
                  <a:off x="7575947" y="4717256"/>
                  <a:ext cx="164306" cy="164306"/>
                </a:xfrm>
                <a:prstGeom prst="ellipse">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45" name="Trapezoid 44">
                <a:extLst>
                  <a:ext uri="{FF2B5EF4-FFF2-40B4-BE49-F238E27FC236}">
                    <a16:creationId xmlns:a16="http://schemas.microsoft.com/office/drawing/2014/main" id="{616667A2-D532-49E1-B67E-8AE7BCC3B287}"/>
                  </a:ext>
                </a:extLst>
              </p:cNvPr>
              <p:cNvSpPr/>
              <p:nvPr/>
            </p:nvSpPr>
            <p:spPr>
              <a:xfrm flipH="1">
                <a:off x="7216366" y="4994274"/>
                <a:ext cx="883468" cy="97631"/>
              </a:xfrm>
              <a:prstGeom prst="trapezoid">
                <a:avLst/>
              </a:prstGeom>
              <a:solidFill>
                <a:srgbClr val="D8DBE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46" name="Rectangle 45">
                <a:extLst>
                  <a:ext uri="{FF2B5EF4-FFF2-40B4-BE49-F238E27FC236}">
                    <a16:creationId xmlns:a16="http://schemas.microsoft.com/office/drawing/2014/main" id="{B3DE9259-107F-4C36-97AA-1908B51364C3}"/>
                  </a:ext>
                </a:extLst>
              </p:cNvPr>
              <p:cNvSpPr/>
              <p:nvPr/>
            </p:nvSpPr>
            <p:spPr>
              <a:xfrm>
                <a:off x="6980635" y="5427580"/>
                <a:ext cx="1354931" cy="65896"/>
              </a:xfrm>
              <a:prstGeom prst="rect">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grpSp>
      <p:grpSp>
        <p:nvGrpSpPr>
          <p:cNvPr id="51" name="Group 98">
            <a:extLst>
              <a:ext uri="{FF2B5EF4-FFF2-40B4-BE49-F238E27FC236}">
                <a16:creationId xmlns:a16="http://schemas.microsoft.com/office/drawing/2014/main" id="{87CEB24F-2F8F-4D3A-AE11-263C46ED42F1}"/>
              </a:ext>
            </a:extLst>
          </p:cNvPr>
          <p:cNvGrpSpPr>
            <a:grpSpLocks noChangeAspect="1"/>
          </p:cNvGrpSpPr>
          <p:nvPr/>
        </p:nvGrpSpPr>
        <p:grpSpPr bwMode="auto">
          <a:xfrm>
            <a:off x="12078818" y="3253522"/>
            <a:ext cx="1247083" cy="1040647"/>
            <a:chOff x="4921" y="3173"/>
            <a:chExt cx="737" cy="615"/>
          </a:xfrm>
          <a:solidFill>
            <a:schemeClr val="accent1"/>
          </a:solidFill>
        </p:grpSpPr>
        <p:sp>
          <p:nvSpPr>
            <p:cNvPr id="52" name="Freeform 99">
              <a:extLst>
                <a:ext uri="{FF2B5EF4-FFF2-40B4-BE49-F238E27FC236}">
                  <a16:creationId xmlns:a16="http://schemas.microsoft.com/office/drawing/2014/main" id="{75A3BEB0-DC0B-4A4E-A35D-18EE15D7F587}"/>
                </a:ext>
              </a:extLst>
            </p:cNvPr>
            <p:cNvSpPr>
              <a:spLocks noEditPoints="1"/>
            </p:cNvSpPr>
            <p:nvPr/>
          </p:nvSpPr>
          <p:spPr bwMode="auto">
            <a:xfrm>
              <a:off x="5127" y="3285"/>
              <a:ext cx="495" cy="503"/>
            </a:xfrm>
            <a:custGeom>
              <a:avLst/>
              <a:gdLst>
                <a:gd name="T0" fmla="*/ 709 w 818"/>
                <a:gd name="T1" fmla="*/ 786 h 833"/>
                <a:gd name="T2" fmla="*/ 170 w 818"/>
                <a:gd name="T3" fmla="*/ 602 h 833"/>
                <a:gd name="T4" fmla="*/ 709 w 818"/>
                <a:gd name="T5" fmla="*/ 786 h 833"/>
                <a:gd name="T6" fmla="*/ 307 w 818"/>
                <a:gd name="T7" fmla="*/ 548 h 833"/>
                <a:gd name="T8" fmla="*/ 307 w 818"/>
                <a:gd name="T9" fmla="*/ 555 h 833"/>
                <a:gd name="T10" fmla="*/ 307 w 818"/>
                <a:gd name="T11" fmla="*/ 548 h 833"/>
                <a:gd name="T12" fmla="*/ 139 w 818"/>
                <a:gd name="T13" fmla="*/ 455 h 833"/>
                <a:gd name="T14" fmla="*/ 65 w 818"/>
                <a:gd name="T15" fmla="*/ 387 h 833"/>
                <a:gd name="T16" fmla="*/ 64 w 818"/>
                <a:gd name="T17" fmla="*/ 365 h 833"/>
                <a:gd name="T18" fmla="*/ 169 w 818"/>
                <a:gd name="T19" fmla="*/ 437 h 833"/>
                <a:gd name="T20" fmla="*/ 228 w 818"/>
                <a:gd name="T21" fmla="*/ 470 h 833"/>
                <a:gd name="T22" fmla="*/ 254 w 818"/>
                <a:gd name="T23" fmla="*/ 436 h 833"/>
                <a:gd name="T24" fmla="*/ 378 w 818"/>
                <a:gd name="T25" fmla="*/ 307 h 833"/>
                <a:gd name="T26" fmla="*/ 469 w 818"/>
                <a:gd name="T27" fmla="*/ 297 h 833"/>
                <a:gd name="T28" fmla="*/ 552 w 818"/>
                <a:gd name="T29" fmla="*/ 304 h 833"/>
                <a:gd name="T30" fmla="*/ 653 w 818"/>
                <a:gd name="T31" fmla="*/ 392 h 833"/>
                <a:gd name="T32" fmla="*/ 673 w 818"/>
                <a:gd name="T33" fmla="*/ 555 h 833"/>
                <a:gd name="T34" fmla="*/ 632 w 818"/>
                <a:gd name="T35" fmla="*/ 487 h 833"/>
                <a:gd name="T36" fmla="*/ 606 w 818"/>
                <a:gd name="T37" fmla="*/ 460 h 833"/>
                <a:gd name="T38" fmla="*/ 597 w 818"/>
                <a:gd name="T39" fmla="*/ 462 h 833"/>
                <a:gd name="T40" fmla="*/ 580 w 818"/>
                <a:gd name="T41" fmla="*/ 506 h 833"/>
                <a:gd name="T42" fmla="*/ 353 w 818"/>
                <a:gd name="T43" fmla="*/ 554 h 833"/>
                <a:gd name="T44" fmla="*/ 349 w 818"/>
                <a:gd name="T45" fmla="*/ 472 h 833"/>
                <a:gd name="T46" fmla="*/ 306 w 818"/>
                <a:gd name="T47" fmla="*/ 463 h 833"/>
                <a:gd name="T48" fmla="*/ 276 w 818"/>
                <a:gd name="T49" fmla="*/ 511 h 833"/>
                <a:gd name="T50" fmla="*/ 208 w 818"/>
                <a:gd name="T51" fmla="*/ 520 h 833"/>
                <a:gd name="T52" fmla="*/ 469 w 818"/>
                <a:gd name="T53" fmla="*/ 46 h 833"/>
                <a:gd name="T54" fmla="*/ 570 w 818"/>
                <a:gd name="T55" fmla="*/ 148 h 833"/>
                <a:gd name="T56" fmla="*/ 367 w 818"/>
                <a:gd name="T57" fmla="*/ 148 h 833"/>
                <a:gd name="T58" fmla="*/ 778 w 818"/>
                <a:gd name="T59" fmla="*/ 555 h 833"/>
                <a:gd name="T60" fmla="*/ 748 w 818"/>
                <a:gd name="T61" fmla="*/ 555 h 833"/>
                <a:gd name="T62" fmla="*/ 696 w 818"/>
                <a:gd name="T63" fmla="*/ 374 h 833"/>
                <a:gd name="T64" fmla="*/ 566 w 818"/>
                <a:gd name="T65" fmla="*/ 260 h 833"/>
                <a:gd name="T66" fmla="*/ 469 w 818"/>
                <a:gd name="T67" fmla="*/ 0 h 833"/>
                <a:gd name="T68" fmla="*/ 372 w 818"/>
                <a:gd name="T69" fmla="*/ 261 h 833"/>
                <a:gd name="T70" fmla="*/ 235 w 818"/>
                <a:gd name="T71" fmla="*/ 370 h 833"/>
                <a:gd name="T72" fmla="*/ 197 w 818"/>
                <a:gd name="T73" fmla="*/ 399 h 833"/>
                <a:gd name="T74" fmla="*/ 64 w 818"/>
                <a:gd name="T75" fmla="*/ 318 h 833"/>
                <a:gd name="T76" fmla="*/ 36 w 818"/>
                <a:gd name="T77" fmla="*/ 423 h 833"/>
                <a:gd name="T78" fmla="*/ 107 w 818"/>
                <a:gd name="T79" fmla="*/ 488 h 833"/>
                <a:gd name="T80" fmla="*/ 177 w 818"/>
                <a:gd name="T81" fmla="*/ 555 h 833"/>
                <a:gd name="T82" fmla="*/ 128 w 818"/>
                <a:gd name="T83" fmla="*/ 571 h 833"/>
                <a:gd name="T84" fmla="*/ 185 w 818"/>
                <a:gd name="T85" fmla="*/ 806 h 833"/>
                <a:gd name="T86" fmla="*/ 715 w 818"/>
                <a:gd name="T87" fmla="*/ 833 h 833"/>
                <a:gd name="T88" fmla="*/ 815 w 818"/>
                <a:gd name="T89" fmla="*/ 605 h 833"/>
                <a:gd name="T90" fmla="*/ 778 w 818"/>
                <a:gd name="T91" fmla="*/ 555 h 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8" h="833">
                  <a:moveTo>
                    <a:pt x="709" y="786"/>
                  </a:moveTo>
                  <a:lnTo>
                    <a:pt x="709" y="786"/>
                  </a:lnTo>
                  <a:lnTo>
                    <a:pt x="228" y="786"/>
                  </a:lnTo>
                  <a:lnTo>
                    <a:pt x="170" y="602"/>
                  </a:lnTo>
                  <a:lnTo>
                    <a:pt x="767" y="602"/>
                  </a:lnTo>
                  <a:lnTo>
                    <a:pt x="709" y="786"/>
                  </a:lnTo>
                  <a:close/>
                  <a:moveTo>
                    <a:pt x="307" y="548"/>
                  </a:moveTo>
                  <a:lnTo>
                    <a:pt x="307" y="548"/>
                  </a:lnTo>
                  <a:cubicBezTo>
                    <a:pt x="307" y="550"/>
                    <a:pt x="307" y="552"/>
                    <a:pt x="307" y="553"/>
                  </a:cubicBezTo>
                  <a:cubicBezTo>
                    <a:pt x="307" y="554"/>
                    <a:pt x="307" y="554"/>
                    <a:pt x="307" y="555"/>
                  </a:cubicBezTo>
                  <a:lnTo>
                    <a:pt x="301" y="555"/>
                  </a:lnTo>
                  <a:cubicBezTo>
                    <a:pt x="303" y="553"/>
                    <a:pt x="305" y="551"/>
                    <a:pt x="307" y="548"/>
                  </a:cubicBezTo>
                  <a:close/>
                  <a:moveTo>
                    <a:pt x="139" y="455"/>
                  </a:moveTo>
                  <a:lnTo>
                    <a:pt x="139" y="455"/>
                  </a:lnTo>
                  <a:cubicBezTo>
                    <a:pt x="125" y="441"/>
                    <a:pt x="111" y="428"/>
                    <a:pt x="97" y="414"/>
                  </a:cubicBezTo>
                  <a:cubicBezTo>
                    <a:pt x="87" y="405"/>
                    <a:pt x="77" y="396"/>
                    <a:pt x="65" y="387"/>
                  </a:cubicBezTo>
                  <a:cubicBezTo>
                    <a:pt x="51" y="375"/>
                    <a:pt x="55" y="370"/>
                    <a:pt x="57" y="368"/>
                  </a:cubicBezTo>
                  <a:cubicBezTo>
                    <a:pt x="58" y="367"/>
                    <a:pt x="60" y="365"/>
                    <a:pt x="64" y="365"/>
                  </a:cubicBezTo>
                  <a:cubicBezTo>
                    <a:pt x="68" y="365"/>
                    <a:pt x="73" y="367"/>
                    <a:pt x="78" y="370"/>
                  </a:cubicBezTo>
                  <a:cubicBezTo>
                    <a:pt x="108" y="392"/>
                    <a:pt x="138" y="414"/>
                    <a:pt x="169" y="437"/>
                  </a:cubicBezTo>
                  <a:lnTo>
                    <a:pt x="209" y="466"/>
                  </a:lnTo>
                  <a:cubicBezTo>
                    <a:pt x="214" y="470"/>
                    <a:pt x="221" y="471"/>
                    <a:pt x="228" y="470"/>
                  </a:cubicBezTo>
                  <a:cubicBezTo>
                    <a:pt x="235" y="468"/>
                    <a:pt x="240" y="464"/>
                    <a:pt x="243" y="458"/>
                  </a:cubicBezTo>
                  <a:cubicBezTo>
                    <a:pt x="247" y="450"/>
                    <a:pt x="251" y="443"/>
                    <a:pt x="254" y="436"/>
                  </a:cubicBezTo>
                  <a:cubicBezTo>
                    <a:pt x="261" y="421"/>
                    <a:pt x="268" y="406"/>
                    <a:pt x="276" y="393"/>
                  </a:cubicBezTo>
                  <a:cubicBezTo>
                    <a:pt x="306" y="341"/>
                    <a:pt x="337" y="315"/>
                    <a:pt x="378" y="307"/>
                  </a:cubicBezTo>
                  <a:cubicBezTo>
                    <a:pt x="410" y="301"/>
                    <a:pt x="440" y="297"/>
                    <a:pt x="469" y="297"/>
                  </a:cubicBezTo>
                  <a:lnTo>
                    <a:pt x="469" y="297"/>
                  </a:lnTo>
                  <a:cubicBezTo>
                    <a:pt x="469" y="297"/>
                    <a:pt x="469" y="297"/>
                    <a:pt x="469" y="297"/>
                  </a:cubicBezTo>
                  <a:cubicBezTo>
                    <a:pt x="498" y="296"/>
                    <a:pt x="525" y="299"/>
                    <a:pt x="552" y="304"/>
                  </a:cubicBezTo>
                  <a:cubicBezTo>
                    <a:pt x="600" y="314"/>
                    <a:pt x="633" y="343"/>
                    <a:pt x="653" y="391"/>
                  </a:cubicBezTo>
                  <a:lnTo>
                    <a:pt x="653" y="392"/>
                  </a:lnTo>
                  <a:cubicBezTo>
                    <a:pt x="676" y="446"/>
                    <a:pt x="697" y="498"/>
                    <a:pt x="702" y="554"/>
                  </a:cubicBezTo>
                  <a:cubicBezTo>
                    <a:pt x="690" y="555"/>
                    <a:pt x="681" y="555"/>
                    <a:pt x="673" y="555"/>
                  </a:cubicBezTo>
                  <a:cubicBezTo>
                    <a:pt x="652" y="555"/>
                    <a:pt x="652" y="555"/>
                    <a:pt x="638" y="508"/>
                  </a:cubicBezTo>
                  <a:cubicBezTo>
                    <a:pt x="636" y="501"/>
                    <a:pt x="634" y="494"/>
                    <a:pt x="632" y="487"/>
                  </a:cubicBezTo>
                  <a:lnTo>
                    <a:pt x="629" y="477"/>
                  </a:lnTo>
                  <a:cubicBezTo>
                    <a:pt x="626" y="467"/>
                    <a:pt x="617" y="460"/>
                    <a:pt x="606" y="460"/>
                  </a:cubicBezTo>
                  <a:cubicBezTo>
                    <a:pt x="604" y="460"/>
                    <a:pt x="602" y="461"/>
                    <a:pt x="600" y="461"/>
                  </a:cubicBezTo>
                  <a:lnTo>
                    <a:pt x="597" y="462"/>
                  </a:lnTo>
                  <a:cubicBezTo>
                    <a:pt x="587" y="465"/>
                    <a:pt x="580" y="474"/>
                    <a:pt x="580" y="485"/>
                  </a:cubicBezTo>
                  <a:cubicBezTo>
                    <a:pt x="580" y="492"/>
                    <a:pt x="580" y="499"/>
                    <a:pt x="580" y="506"/>
                  </a:cubicBezTo>
                  <a:cubicBezTo>
                    <a:pt x="580" y="521"/>
                    <a:pt x="580" y="538"/>
                    <a:pt x="580" y="554"/>
                  </a:cubicBezTo>
                  <a:cubicBezTo>
                    <a:pt x="505" y="554"/>
                    <a:pt x="429" y="554"/>
                    <a:pt x="353" y="554"/>
                  </a:cubicBezTo>
                  <a:lnTo>
                    <a:pt x="353" y="554"/>
                  </a:lnTo>
                  <a:cubicBezTo>
                    <a:pt x="354" y="527"/>
                    <a:pt x="353" y="501"/>
                    <a:pt x="349" y="472"/>
                  </a:cubicBezTo>
                  <a:cubicBezTo>
                    <a:pt x="348" y="463"/>
                    <a:pt x="341" y="455"/>
                    <a:pt x="331" y="453"/>
                  </a:cubicBezTo>
                  <a:cubicBezTo>
                    <a:pt x="321" y="451"/>
                    <a:pt x="312" y="455"/>
                    <a:pt x="306" y="463"/>
                  </a:cubicBezTo>
                  <a:lnTo>
                    <a:pt x="296" y="479"/>
                  </a:lnTo>
                  <a:cubicBezTo>
                    <a:pt x="290" y="490"/>
                    <a:pt x="283" y="500"/>
                    <a:pt x="276" y="511"/>
                  </a:cubicBezTo>
                  <a:cubicBezTo>
                    <a:pt x="269" y="523"/>
                    <a:pt x="257" y="537"/>
                    <a:pt x="242" y="537"/>
                  </a:cubicBezTo>
                  <a:cubicBezTo>
                    <a:pt x="232" y="537"/>
                    <a:pt x="220" y="531"/>
                    <a:pt x="208" y="520"/>
                  </a:cubicBezTo>
                  <a:cubicBezTo>
                    <a:pt x="185" y="499"/>
                    <a:pt x="162" y="476"/>
                    <a:pt x="139" y="455"/>
                  </a:cubicBezTo>
                  <a:close/>
                  <a:moveTo>
                    <a:pt x="469" y="46"/>
                  </a:moveTo>
                  <a:lnTo>
                    <a:pt x="469" y="46"/>
                  </a:lnTo>
                  <a:cubicBezTo>
                    <a:pt x="525" y="46"/>
                    <a:pt x="570" y="92"/>
                    <a:pt x="570" y="148"/>
                  </a:cubicBezTo>
                  <a:cubicBezTo>
                    <a:pt x="570" y="204"/>
                    <a:pt x="525" y="250"/>
                    <a:pt x="469" y="250"/>
                  </a:cubicBezTo>
                  <a:cubicBezTo>
                    <a:pt x="412" y="250"/>
                    <a:pt x="367" y="204"/>
                    <a:pt x="367" y="148"/>
                  </a:cubicBezTo>
                  <a:cubicBezTo>
                    <a:pt x="367" y="92"/>
                    <a:pt x="412" y="46"/>
                    <a:pt x="469" y="46"/>
                  </a:cubicBezTo>
                  <a:close/>
                  <a:moveTo>
                    <a:pt x="778" y="555"/>
                  </a:moveTo>
                  <a:lnTo>
                    <a:pt x="778" y="555"/>
                  </a:lnTo>
                  <a:lnTo>
                    <a:pt x="748" y="555"/>
                  </a:lnTo>
                  <a:cubicBezTo>
                    <a:pt x="748" y="554"/>
                    <a:pt x="748" y="552"/>
                    <a:pt x="748" y="551"/>
                  </a:cubicBezTo>
                  <a:cubicBezTo>
                    <a:pt x="743" y="487"/>
                    <a:pt x="719" y="430"/>
                    <a:pt x="696" y="374"/>
                  </a:cubicBezTo>
                  <a:lnTo>
                    <a:pt x="696" y="373"/>
                  </a:lnTo>
                  <a:cubicBezTo>
                    <a:pt x="671" y="313"/>
                    <a:pt x="626" y="274"/>
                    <a:pt x="566" y="260"/>
                  </a:cubicBezTo>
                  <a:cubicBezTo>
                    <a:pt x="597" y="233"/>
                    <a:pt x="617" y="193"/>
                    <a:pt x="617" y="148"/>
                  </a:cubicBezTo>
                  <a:cubicBezTo>
                    <a:pt x="617" y="66"/>
                    <a:pt x="550" y="0"/>
                    <a:pt x="469" y="0"/>
                  </a:cubicBezTo>
                  <a:cubicBezTo>
                    <a:pt x="387" y="0"/>
                    <a:pt x="320" y="66"/>
                    <a:pt x="320" y="148"/>
                  </a:cubicBezTo>
                  <a:cubicBezTo>
                    <a:pt x="320" y="193"/>
                    <a:pt x="340" y="233"/>
                    <a:pt x="372" y="261"/>
                  </a:cubicBezTo>
                  <a:cubicBezTo>
                    <a:pt x="371" y="261"/>
                    <a:pt x="370" y="261"/>
                    <a:pt x="369" y="261"/>
                  </a:cubicBezTo>
                  <a:cubicBezTo>
                    <a:pt x="298" y="275"/>
                    <a:pt x="260" y="327"/>
                    <a:pt x="235" y="370"/>
                  </a:cubicBezTo>
                  <a:cubicBezTo>
                    <a:pt x="227" y="383"/>
                    <a:pt x="221" y="397"/>
                    <a:pt x="214" y="412"/>
                  </a:cubicBezTo>
                  <a:lnTo>
                    <a:pt x="197" y="399"/>
                  </a:lnTo>
                  <a:cubicBezTo>
                    <a:pt x="165" y="376"/>
                    <a:pt x="135" y="354"/>
                    <a:pt x="105" y="332"/>
                  </a:cubicBezTo>
                  <a:cubicBezTo>
                    <a:pt x="92" y="323"/>
                    <a:pt x="78" y="318"/>
                    <a:pt x="64" y="318"/>
                  </a:cubicBezTo>
                  <a:cubicBezTo>
                    <a:pt x="47" y="318"/>
                    <a:pt x="30" y="326"/>
                    <a:pt x="20" y="340"/>
                  </a:cubicBezTo>
                  <a:cubicBezTo>
                    <a:pt x="0" y="366"/>
                    <a:pt x="6" y="399"/>
                    <a:pt x="36" y="423"/>
                  </a:cubicBezTo>
                  <a:cubicBezTo>
                    <a:pt x="47" y="432"/>
                    <a:pt x="56" y="440"/>
                    <a:pt x="65" y="448"/>
                  </a:cubicBezTo>
                  <a:cubicBezTo>
                    <a:pt x="79" y="461"/>
                    <a:pt x="93" y="475"/>
                    <a:pt x="107" y="488"/>
                  </a:cubicBezTo>
                  <a:cubicBezTo>
                    <a:pt x="129" y="510"/>
                    <a:pt x="153" y="533"/>
                    <a:pt x="177" y="555"/>
                  </a:cubicBezTo>
                  <a:cubicBezTo>
                    <a:pt x="177" y="555"/>
                    <a:pt x="177" y="555"/>
                    <a:pt x="177" y="555"/>
                  </a:cubicBezTo>
                  <a:lnTo>
                    <a:pt x="159" y="555"/>
                  </a:lnTo>
                  <a:cubicBezTo>
                    <a:pt x="147" y="555"/>
                    <a:pt x="135" y="561"/>
                    <a:pt x="128" y="571"/>
                  </a:cubicBezTo>
                  <a:cubicBezTo>
                    <a:pt x="121" y="580"/>
                    <a:pt x="119" y="593"/>
                    <a:pt x="122" y="605"/>
                  </a:cubicBezTo>
                  <a:lnTo>
                    <a:pt x="185" y="806"/>
                  </a:lnTo>
                  <a:cubicBezTo>
                    <a:pt x="190" y="822"/>
                    <a:pt x="205" y="833"/>
                    <a:pt x="222" y="833"/>
                  </a:cubicBezTo>
                  <a:lnTo>
                    <a:pt x="715" y="833"/>
                  </a:lnTo>
                  <a:cubicBezTo>
                    <a:pt x="732" y="833"/>
                    <a:pt x="747" y="822"/>
                    <a:pt x="752" y="806"/>
                  </a:cubicBezTo>
                  <a:lnTo>
                    <a:pt x="815" y="605"/>
                  </a:lnTo>
                  <a:cubicBezTo>
                    <a:pt x="818" y="593"/>
                    <a:pt x="816" y="580"/>
                    <a:pt x="809" y="571"/>
                  </a:cubicBezTo>
                  <a:cubicBezTo>
                    <a:pt x="802" y="561"/>
                    <a:pt x="790" y="555"/>
                    <a:pt x="778" y="555"/>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53" name="Freeform 100">
              <a:extLst>
                <a:ext uri="{FF2B5EF4-FFF2-40B4-BE49-F238E27FC236}">
                  <a16:creationId xmlns:a16="http://schemas.microsoft.com/office/drawing/2014/main" id="{209F9FA7-D587-4535-96F4-7DA2761D757B}"/>
                </a:ext>
              </a:extLst>
            </p:cNvPr>
            <p:cNvSpPr>
              <a:spLocks/>
            </p:cNvSpPr>
            <p:nvPr/>
          </p:nvSpPr>
          <p:spPr bwMode="auto">
            <a:xfrm>
              <a:off x="4921" y="3173"/>
              <a:ext cx="737" cy="433"/>
            </a:xfrm>
            <a:custGeom>
              <a:avLst/>
              <a:gdLst>
                <a:gd name="T0" fmla="*/ 1197 w 1220"/>
                <a:gd name="T1" fmla="*/ 0 h 717"/>
                <a:gd name="T2" fmla="*/ 1197 w 1220"/>
                <a:gd name="T3" fmla="*/ 0 h 717"/>
                <a:gd name="T4" fmla="*/ 24 w 1220"/>
                <a:gd name="T5" fmla="*/ 0 h 717"/>
                <a:gd name="T6" fmla="*/ 0 w 1220"/>
                <a:gd name="T7" fmla="*/ 23 h 717"/>
                <a:gd name="T8" fmla="*/ 0 w 1220"/>
                <a:gd name="T9" fmla="*/ 693 h 717"/>
                <a:gd name="T10" fmla="*/ 24 w 1220"/>
                <a:gd name="T11" fmla="*/ 717 h 717"/>
                <a:gd name="T12" fmla="*/ 390 w 1220"/>
                <a:gd name="T13" fmla="*/ 717 h 717"/>
                <a:gd name="T14" fmla="*/ 414 w 1220"/>
                <a:gd name="T15" fmla="*/ 693 h 717"/>
                <a:gd name="T16" fmla="*/ 390 w 1220"/>
                <a:gd name="T17" fmla="*/ 670 h 717"/>
                <a:gd name="T18" fmla="*/ 47 w 1220"/>
                <a:gd name="T19" fmla="*/ 670 h 717"/>
                <a:gd name="T20" fmla="*/ 47 w 1220"/>
                <a:gd name="T21" fmla="*/ 47 h 717"/>
                <a:gd name="T22" fmla="*/ 1174 w 1220"/>
                <a:gd name="T23" fmla="*/ 47 h 717"/>
                <a:gd name="T24" fmla="*/ 1174 w 1220"/>
                <a:gd name="T25" fmla="*/ 670 h 717"/>
                <a:gd name="T26" fmla="*/ 1126 w 1220"/>
                <a:gd name="T27" fmla="*/ 670 h 717"/>
                <a:gd name="T28" fmla="*/ 1103 w 1220"/>
                <a:gd name="T29" fmla="*/ 693 h 717"/>
                <a:gd name="T30" fmla="*/ 1126 w 1220"/>
                <a:gd name="T31" fmla="*/ 717 h 717"/>
                <a:gd name="T32" fmla="*/ 1197 w 1220"/>
                <a:gd name="T33" fmla="*/ 717 h 717"/>
                <a:gd name="T34" fmla="*/ 1220 w 1220"/>
                <a:gd name="T35" fmla="*/ 693 h 717"/>
                <a:gd name="T36" fmla="*/ 1220 w 1220"/>
                <a:gd name="T37" fmla="*/ 23 h 717"/>
                <a:gd name="T38" fmla="*/ 1197 w 1220"/>
                <a:gd name="T39" fmla="*/ 0 h 7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220" h="717">
                  <a:moveTo>
                    <a:pt x="1197" y="0"/>
                  </a:moveTo>
                  <a:lnTo>
                    <a:pt x="1197" y="0"/>
                  </a:lnTo>
                  <a:lnTo>
                    <a:pt x="24" y="0"/>
                  </a:lnTo>
                  <a:cubicBezTo>
                    <a:pt x="11" y="0"/>
                    <a:pt x="0" y="11"/>
                    <a:pt x="0" y="23"/>
                  </a:cubicBezTo>
                  <a:lnTo>
                    <a:pt x="0" y="693"/>
                  </a:lnTo>
                  <a:cubicBezTo>
                    <a:pt x="0" y="706"/>
                    <a:pt x="11" y="717"/>
                    <a:pt x="24" y="717"/>
                  </a:cubicBezTo>
                  <a:lnTo>
                    <a:pt x="390" y="717"/>
                  </a:lnTo>
                  <a:cubicBezTo>
                    <a:pt x="403" y="717"/>
                    <a:pt x="414" y="706"/>
                    <a:pt x="414" y="693"/>
                  </a:cubicBezTo>
                  <a:cubicBezTo>
                    <a:pt x="414" y="680"/>
                    <a:pt x="403" y="670"/>
                    <a:pt x="390" y="670"/>
                  </a:cubicBezTo>
                  <a:lnTo>
                    <a:pt x="47" y="670"/>
                  </a:lnTo>
                  <a:lnTo>
                    <a:pt x="47" y="47"/>
                  </a:lnTo>
                  <a:lnTo>
                    <a:pt x="1174" y="47"/>
                  </a:lnTo>
                  <a:lnTo>
                    <a:pt x="1174" y="670"/>
                  </a:lnTo>
                  <a:lnTo>
                    <a:pt x="1126" y="670"/>
                  </a:lnTo>
                  <a:cubicBezTo>
                    <a:pt x="1113" y="670"/>
                    <a:pt x="1103" y="680"/>
                    <a:pt x="1103" y="693"/>
                  </a:cubicBezTo>
                  <a:cubicBezTo>
                    <a:pt x="1103" y="706"/>
                    <a:pt x="1113" y="717"/>
                    <a:pt x="1126" y="717"/>
                  </a:cubicBezTo>
                  <a:lnTo>
                    <a:pt x="1197" y="717"/>
                  </a:lnTo>
                  <a:cubicBezTo>
                    <a:pt x="1210" y="717"/>
                    <a:pt x="1220" y="706"/>
                    <a:pt x="1220" y="693"/>
                  </a:cubicBezTo>
                  <a:lnTo>
                    <a:pt x="1220" y="23"/>
                  </a:lnTo>
                  <a:cubicBezTo>
                    <a:pt x="1220" y="11"/>
                    <a:pt x="1210" y="0"/>
                    <a:pt x="1197"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grpSp>
        <p:nvGrpSpPr>
          <p:cNvPr id="54" name="Group 103">
            <a:extLst>
              <a:ext uri="{FF2B5EF4-FFF2-40B4-BE49-F238E27FC236}">
                <a16:creationId xmlns:a16="http://schemas.microsoft.com/office/drawing/2014/main" id="{B7A505C4-2142-4638-9007-17C8368BCD3C}"/>
              </a:ext>
            </a:extLst>
          </p:cNvPr>
          <p:cNvGrpSpPr>
            <a:grpSpLocks noChangeAspect="1"/>
          </p:cNvGrpSpPr>
          <p:nvPr/>
        </p:nvGrpSpPr>
        <p:grpSpPr bwMode="auto">
          <a:xfrm>
            <a:off x="7257476" y="3085320"/>
            <a:ext cx="1537795" cy="1652044"/>
            <a:chOff x="6354" y="3142"/>
            <a:chExt cx="673" cy="723"/>
          </a:xfrm>
          <a:solidFill>
            <a:schemeClr val="accent1"/>
          </a:solidFill>
        </p:grpSpPr>
        <p:sp>
          <p:nvSpPr>
            <p:cNvPr id="55" name="Freeform 104">
              <a:extLst>
                <a:ext uri="{FF2B5EF4-FFF2-40B4-BE49-F238E27FC236}">
                  <a16:creationId xmlns:a16="http://schemas.microsoft.com/office/drawing/2014/main" id="{FD31532B-18B0-4ED3-B585-27666046AABA}"/>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56" name="Freeform 105">
              <a:extLst>
                <a:ext uri="{FF2B5EF4-FFF2-40B4-BE49-F238E27FC236}">
                  <a16:creationId xmlns:a16="http://schemas.microsoft.com/office/drawing/2014/main" id="{812A0573-414D-42A6-B52E-02D9691C6A27}"/>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57" name="Freeform 106">
              <a:extLst>
                <a:ext uri="{FF2B5EF4-FFF2-40B4-BE49-F238E27FC236}">
                  <a16:creationId xmlns:a16="http://schemas.microsoft.com/office/drawing/2014/main" id="{8C08B20B-BB3A-4737-884D-B05718F6D34C}"/>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58" name="Freeform 107">
              <a:extLst>
                <a:ext uri="{FF2B5EF4-FFF2-40B4-BE49-F238E27FC236}">
                  <a16:creationId xmlns:a16="http://schemas.microsoft.com/office/drawing/2014/main" id="{09306DB3-7ED8-490F-898F-5F4C64A59829}"/>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59" name="Freeform 108">
              <a:extLst>
                <a:ext uri="{FF2B5EF4-FFF2-40B4-BE49-F238E27FC236}">
                  <a16:creationId xmlns:a16="http://schemas.microsoft.com/office/drawing/2014/main" id="{D9D9AEF2-48B4-42B5-8E47-E065BFD78493}"/>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60" name="Freeform 109">
              <a:extLst>
                <a:ext uri="{FF2B5EF4-FFF2-40B4-BE49-F238E27FC236}">
                  <a16:creationId xmlns:a16="http://schemas.microsoft.com/office/drawing/2014/main" id="{8E295C5D-ACCA-477E-B325-4CB00A324C90}"/>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61" name="Freeform 110">
              <a:extLst>
                <a:ext uri="{FF2B5EF4-FFF2-40B4-BE49-F238E27FC236}">
                  <a16:creationId xmlns:a16="http://schemas.microsoft.com/office/drawing/2014/main" id="{EA28C9BA-FE63-42EB-BEAF-7228E3011640}"/>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62" name="Freeform 111">
              <a:extLst>
                <a:ext uri="{FF2B5EF4-FFF2-40B4-BE49-F238E27FC236}">
                  <a16:creationId xmlns:a16="http://schemas.microsoft.com/office/drawing/2014/main" id="{24D9670C-A499-431E-AE42-AA26E1D1A5BE}"/>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grpSp>
      <p:sp>
        <p:nvSpPr>
          <p:cNvPr id="63" name="Arrow: Right 62">
            <a:extLst>
              <a:ext uri="{FF2B5EF4-FFF2-40B4-BE49-F238E27FC236}">
                <a16:creationId xmlns:a16="http://schemas.microsoft.com/office/drawing/2014/main" id="{20A492FD-4ACE-4BE0-B44B-8B649098BB89}"/>
              </a:ext>
            </a:extLst>
          </p:cNvPr>
          <p:cNvSpPr/>
          <p:nvPr/>
        </p:nvSpPr>
        <p:spPr>
          <a:xfrm>
            <a:off x="9499584" y="3562882"/>
            <a:ext cx="1537795" cy="501554"/>
          </a:xfrm>
          <a:prstGeom prst="rightArrow">
            <a:avLst/>
          </a:prstGeom>
          <a:solidFill>
            <a:srgbClr val="002060"/>
          </a:solidFill>
          <a:ln w="9525">
            <a:solidFill>
              <a:srgbClr val="00206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cxnSp>
        <p:nvCxnSpPr>
          <p:cNvPr id="65" name="Straight Connector 64">
            <a:extLst>
              <a:ext uri="{FF2B5EF4-FFF2-40B4-BE49-F238E27FC236}">
                <a16:creationId xmlns:a16="http://schemas.microsoft.com/office/drawing/2014/main" id="{2A6B740C-F1C9-4C5B-AFBC-F2A335F4D0A8}"/>
              </a:ext>
            </a:extLst>
          </p:cNvPr>
          <p:cNvCxnSpPr/>
          <p:nvPr/>
        </p:nvCxnSpPr>
        <p:spPr>
          <a:xfrm>
            <a:off x="6530809" y="1946051"/>
            <a:ext cx="0" cy="4866968"/>
          </a:xfrm>
          <a:prstGeom prst="line">
            <a:avLst/>
          </a:prstGeom>
          <a:ln w="9525">
            <a:solidFill>
              <a:srgbClr val="ACA6A2"/>
            </a:solidFill>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51532320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181BE34D-00A0-40E8-9701-07AC5CF40339}"/>
              </a:ext>
            </a:extLst>
          </p:cNvPr>
          <p:cNvSpPr>
            <a:spLocks noGrp="1"/>
          </p:cNvSpPr>
          <p:nvPr>
            <p:ph type="title"/>
          </p:nvPr>
        </p:nvSpPr>
        <p:spPr/>
        <p:txBody>
          <a:bodyPr/>
          <a:lstStyle/>
          <a:p>
            <a:r>
              <a:rPr lang="en-US" sz="2800" dirty="0"/>
              <a:t>Step 2: Key Questions to Review</a:t>
            </a:r>
          </a:p>
        </p:txBody>
      </p:sp>
      <p:graphicFrame>
        <p:nvGraphicFramePr>
          <p:cNvPr id="15" name="Content Placeholder 14">
            <a:extLst>
              <a:ext uri="{FF2B5EF4-FFF2-40B4-BE49-F238E27FC236}">
                <a16:creationId xmlns:a16="http://schemas.microsoft.com/office/drawing/2014/main" id="{937E917D-C69A-42FB-86CC-65A33EEB3BEA}"/>
              </a:ext>
            </a:extLst>
          </p:cNvPr>
          <p:cNvGraphicFramePr>
            <a:graphicFrameLocks noGrp="1"/>
          </p:cNvGraphicFramePr>
          <p:nvPr>
            <p:ph idx="10"/>
            <p:extLst>
              <p:ext uri="{D42A27DB-BD31-4B8C-83A1-F6EECF244321}">
                <p14:modId xmlns:p14="http://schemas.microsoft.com/office/powerpoint/2010/main" val="2596939852"/>
              </p:ext>
            </p:extLst>
          </p:nvPr>
        </p:nvGraphicFramePr>
        <p:xfrm>
          <a:off x="1264568" y="4585970"/>
          <a:ext cx="6226175" cy="2085975"/>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14" name="Subtitle 13">
            <a:extLst>
              <a:ext uri="{FF2B5EF4-FFF2-40B4-BE49-F238E27FC236}">
                <a16:creationId xmlns:a16="http://schemas.microsoft.com/office/drawing/2014/main" id="{B4412C9A-2143-4DC2-AC2C-7E8F96AEC581}"/>
              </a:ext>
            </a:extLst>
          </p:cNvPr>
          <p:cNvSpPr>
            <a:spLocks noGrp="1"/>
          </p:cNvSpPr>
          <p:nvPr>
            <p:ph type="subTitle" sz="quarter" idx="13"/>
          </p:nvPr>
        </p:nvSpPr>
        <p:spPr>
          <a:xfrm>
            <a:off x="694944" y="2039954"/>
            <a:ext cx="13249656" cy="384048"/>
          </a:xfrm>
        </p:spPr>
        <p:txBody>
          <a:bodyPr/>
          <a:lstStyle/>
          <a:p>
            <a:r>
              <a:rPr lang="en-US" sz="2400" dirty="0"/>
              <a:t>There are 2 types of questions you should review and ask yourself.</a:t>
            </a:r>
            <a:endParaRPr lang="en-US" dirty="0"/>
          </a:p>
        </p:txBody>
      </p:sp>
      <p:grpSp>
        <p:nvGrpSpPr>
          <p:cNvPr id="16" name="Group 15">
            <a:extLst>
              <a:ext uri="{FF2B5EF4-FFF2-40B4-BE49-F238E27FC236}">
                <a16:creationId xmlns:a16="http://schemas.microsoft.com/office/drawing/2014/main" id="{87CFAEE5-E72F-432B-BC5C-7D867B84ED36}"/>
              </a:ext>
            </a:extLst>
          </p:cNvPr>
          <p:cNvGrpSpPr/>
          <p:nvPr/>
        </p:nvGrpSpPr>
        <p:grpSpPr>
          <a:xfrm>
            <a:off x="7776517" y="4588852"/>
            <a:ext cx="3471822" cy="2083093"/>
            <a:chOff x="1377176" y="1440"/>
            <a:chExt cx="3471822" cy="2083093"/>
          </a:xfrm>
        </p:grpSpPr>
        <p:sp>
          <p:nvSpPr>
            <p:cNvPr id="17" name="Rectangle 16">
              <a:extLst>
                <a:ext uri="{FF2B5EF4-FFF2-40B4-BE49-F238E27FC236}">
                  <a16:creationId xmlns:a16="http://schemas.microsoft.com/office/drawing/2014/main" id="{B0229123-4A06-4013-867A-884EA55E095D}"/>
                </a:ext>
              </a:extLst>
            </p:cNvPr>
            <p:cNvSpPr/>
            <p:nvPr/>
          </p:nvSpPr>
          <p:spPr>
            <a:xfrm>
              <a:off x="1377176" y="1440"/>
              <a:ext cx="3471822" cy="2083093"/>
            </a:xfrm>
            <a:prstGeom prst="rect">
              <a:avLst/>
            </a:prstGeom>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sp>
        <p:sp>
          <p:nvSpPr>
            <p:cNvPr id="18" name="TextBox 17">
              <a:extLst>
                <a:ext uri="{FF2B5EF4-FFF2-40B4-BE49-F238E27FC236}">
                  <a16:creationId xmlns:a16="http://schemas.microsoft.com/office/drawing/2014/main" id="{3146043E-BF50-4BB5-B6E5-13749628D283}"/>
                </a:ext>
              </a:extLst>
            </p:cNvPr>
            <p:cNvSpPr txBox="1"/>
            <p:nvPr/>
          </p:nvSpPr>
          <p:spPr>
            <a:xfrm>
              <a:off x="1377176" y="1440"/>
              <a:ext cx="3471822" cy="2083093"/>
            </a:xfrm>
            <a:prstGeom prst="rect">
              <a:avLst/>
            </a:prstGeom>
          </p:spPr>
          <p:style>
            <a:lnRef idx="0">
              <a:scrgbClr r="0" g="0" b="0"/>
            </a:lnRef>
            <a:fillRef idx="0">
              <a:scrgbClr r="0" g="0" b="0"/>
            </a:fillRef>
            <a:effectRef idx="0">
              <a:scrgbClr r="0" g="0" b="0"/>
            </a:effectRef>
            <a:fontRef idx="minor">
              <a:schemeClr val="lt1"/>
            </a:fontRef>
          </p:style>
          <p:txBody>
            <a:bodyPr spcFirstLastPara="0" vert="horz" wrap="square" lIns="152400" tIns="152400" rIns="152400" bIns="152400" numCol="1" spcCol="1270" anchor="ctr" anchorCtr="0">
              <a:noAutofit/>
            </a:bodyPr>
            <a:lstStyle/>
            <a:p>
              <a:pPr marL="0" lvl="0" indent="0" algn="ctr" defTabSz="1778000">
                <a:lnSpc>
                  <a:spcPct val="90000"/>
                </a:lnSpc>
                <a:spcBef>
                  <a:spcPct val="0"/>
                </a:spcBef>
                <a:spcAft>
                  <a:spcPct val="35000"/>
                </a:spcAft>
                <a:buNone/>
              </a:pPr>
              <a:r>
                <a:rPr lang="en-US" sz="4000" kern="1200" dirty="0">
                  <a:latin typeface="AmplitudeTF" panose="02000506050000020004" pitchFamily="50" charset="0"/>
                </a:rPr>
                <a:t>Product</a:t>
              </a:r>
            </a:p>
          </p:txBody>
        </p:sp>
      </p:grpSp>
      <p:sp>
        <p:nvSpPr>
          <p:cNvPr id="22" name="Freeform 31">
            <a:extLst>
              <a:ext uri="{FF2B5EF4-FFF2-40B4-BE49-F238E27FC236}">
                <a16:creationId xmlns:a16="http://schemas.microsoft.com/office/drawing/2014/main" id="{A1291A40-6177-4EB8-BA5A-D605B14EA9FF}"/>
              </a:ext>
            </a:extLst>
          </p:cNvPr>
          <p:cNvSpPr/>
          <p:nvPr/>
        </p:nvSpPr>
        <p:spPr>
          <a:xfrm flipV="1">
            <a:off x="4377656" y="2885279"/>
            <a:ext cx="1546630" cy="1418978"/>
          </a:xfrm>
          <a:custGeom>
            <a:avLst/>
            <a:gdLst>
              <a:gd name="connsiteX0" fmla="*/ 178691 w 1698625"/>
              <a:gd name="connsiteY0" fmla="*/ 1521255 h 1521255"/>
              <a:gd name="connsiteX1" fmla="*/ 1519934 w 1698625"/>
              <a:gd name="connsiteY1" fmla="*/ 1521255 h 1521255"/>
              <a:gd name="connsiteX2" fmla="*/ 1698625 w 1698625"/>
              <a:gd name="connsiteY2" fmla="*/ 1342564 h 1521255"/>
              <a:gd name="connsiteX3" fmla="*/ 1698625 w 1698625"/>
              <a:gd name="connsiteY3" fmla="*/ 456362 h 1521255"/>
              <a:gd name="connsiteX4" fmla="*/ 1519934 w 1698625"/>
              <a:gd name="connsiteY4" fmla="*/ 277671 h 1521255"/>
              <a:gd name="connsiteX5" fmla="*/ 718204 w 1698625"/>
              <a:gd name="connsiteY5" fmla="*/ 277671 h 1521255"/>
              <a:gd name="connsiteX6" fmla="*/ 317500 w 1698625"/>
              <a:gd name="connsiteY6" fmla="*/ 0 h 1521255"/>
              <a:gd name="connsiteX7" fmla="*/ 317500 w 1698625"/>
              <a:gd name="connsiteY7" fmla="*/ 277671 h 1521255"/>
              <a:gd name="connsiteX8" fmla="*/ 178691 w 1698625"/>
              <a:gd name="connsiteY8" fmla="*/ 277671 h 1521255"/>
              <a:gd name="connsiteX9" fmla="*/ 0 w 1698625"/>
              <a:gd name="connsiteY9" fmla="*/ 456362 h 1521255"/>
              <a:gd name="connsiteX10" fmla="*/ 0 w 1698625"/>
              <a:gd name="connsiteY10" fmla="*/ 1342564 h 1521255"/>
              <a:gd name="connsiteX11" fmla="*/ 178691 w 1698625"/>
              <a:gd name="connsiteY11" fmla="*/ 1521255 h 152125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698625" h="1521255">
                <a:moveTo>
                  <a:pt x="178691" y="1521255"/>
                </a:moveTo>
                <a:lnTo>
                  <a:pt x="1519934" y="1521255"/>
                </a:lnTo>
                <a:cubicBezTo>
                  <a:pt x="1618622" y="1521255"/>
                  <a:pt x="1698625" y="1441252"/>
                  <a:pt x="1698625" y="1342564"/>
                </a:cubicBezTo>
                <a:lnTo>
                  <a:pt x="1698625" y="456362"/>
                </a:lnTo>
                <a:cubicBezTo>
                  <a:pt x="1698625" y="357674"/>
                  <a:pt x="1618622" y="277671"/>
                  <a:pt x="1519934" y="277671"/>
                </a:cubicBezTo>
                <a:lnTo>
                  <a:pt x="718204" y="277671"/>
                </a:lnTo>
                <a:lnTo>
                  <a:pt x="317500" y="0"/>
                </a:lnTo>
                <a:lnTo>
                  <a:pt x="317500" y="277671"/>
                </a:lnTo>
                <a:lnTo>
                  <a:pt x="178691" y="277671"/>
                </a:lnTo>
                <a:cubicBezTo>
                  <a:pt x="80003" y="277671"/>
                  <a:pt x="0" y="357674"/>
                  <a:pt x="0" y="456362"/>
                </a:cubicBezTo>
                <a:lnTo>
                  <a:pt x="0" y="1342564"/>
                </a:lnTo>
                <a:cubicBezTo>
                  <a:pt x="0" y="1441252"/>
                  <a:pt x="80003" y="1521255"/>
                  <a:pt x="178691" y="1521255"/>
                </a:cubicBezTo>
                <a:close/>
              </a:path>
            </a:pathLst>
          </a:custGeom>
          <a:solidFill>
            <a:schemeClr val="bg1"/>
          </a:solidFill>
          <a:ln w="50800">
            <a:solidFill>
              <a:srgbClr val="91BCD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3" name="TextBox 22">
            <a:extLst>
              <a:ext uri="{FF2B5EF4-FFF2-40B4-BE49-F238E27FC236}">
                <a16:creationId xmlns:a16="http://schemas.microsoft.com/office/drawing/2014/main" id="{F1025809-83EB-4DD6-BBEF-FC87BD149348}"/>
              </a:ext>
            </a:extLst>
          </p:cNvPr>
          <p:cNvSpPr txBox="1"/>
          <p:nvPr/>
        </p:nvSpPr>
        <p:spPr>
          <a:xfrm>
            <a:off x="4292718" y="2965822"/>
            <a:ext cx="1716506" cy="1043619"/>
          </a:xfrm>
          <a:prstGeom prst="rect">
            <a:avLst/>
          </a:prstGeom>
          <a:noFill/>
        </p:spPr>
        <p:txBody>
          <a:bodyPr vert="horz" wrap="square" lIns="91440" tIns="45720" rIns="91440" bIns="45720" rtlCol="0" anchor="t">
            <a:spAutoFit/>
          </a:bodyPr>
          <a:lstStyle/>
          <a:p>
            <a:pPr algn="ctr">
              <a:lnSpc>
                <a:spcPct val="110000"/>
              </a:lnSpc>
            </a:pPr>
            <a:r>
              <a:rPr lang="en-US" sz="6000" b="1" i="0" dirty="0">
                <a:solidFill>
                  <a:schemeClr val="accent1"/>
                </a:solidFill>
                <a:latin typeface="Bookman Old Style" panose="02050604050505020204" pitchFamily="18" charset="0"/>
              </a:rPr>
              <a:t>i</a:t>
            </a:r>
          </a:p>
        </p:txBody>
      </p:sp>
      <p:grpSp>
        <p:nvGrpSpPr>
          <p:cNvPr id="24" name="Group 23">
            <a:extLst>
              <a:ext uri="{FF2B5EF4-FFF2-40B4-BE49-F238E27FC236}">
                <a16:creationId xmlns:a16="http://schemas.microsoft.com/office/drawing/2014/main" id="{7CE31AAA-D870-4296-BA94-0EF2FB1238B8}"/>
              </a:ext>
            </a:extLst>
          </p:cNvPr>
          <p:cNvGrpSpPr/>
          <p:nvPr/>
        </p:nvGrpSpPr>
        <p:grpSpPr>
          <a:xfrm>
            <a:off x="9084749" y="2782741"/>
            <a:ext cx="1098976" cy="1723173"/>
            <a:chOff x="1243170" y="2103438"/>
            <a:chExt cx="2283801" cy="4192611"/>
          </a:xfrm>
        </p:grpSpPr>
        <p:sp>
          <p:nvSpPr>
            <p:cNvPr id="25" name="Oval 24">
              <a:extLst>
                <a:ext uri="{FF2B5EF4-FFF2-40B4-BE49-F238E27FC236}">
                  <a16:creationId xmlns:a16="http://schemas.microsoft.com/office/drawing/2014/main" id="{5B59256E-4B58-44D6-B335-51EBB4FD3850}"/>
                </a:ext>
              </a:extLst>
            </p:cNvPr>
            <p:cNvSpPr/>
            <p:nvPr/>
          </p:nvSpPr>
          <p:spPr>
            <a:xfrm>
              <a:off x="1243170" y="5898910"/>
              <a:ext cx="2283801" cy="397139"/>
            </a:xfrm>
            <a:prstGeom prst="ellipse">
              <a:avLst/>
            </a:prstGeom>
            <a:solidFill>
              <a:schemeClr val="tx2"/>
            </a:solidFill>
            <a:ln w="9525">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26" name="Group 25">
              <a:extLst>
                <a:ext uri="{FF2B5EF4-FFF2-40B4-BE49-F238E27FC236}">
                  <a16:creationId xmlns:a16="http://schemas.microsoft.com/office/drawing/2014/main" id="{CB3D9789-A00D-49F1-99EB-899E619D12D3}"/>
                </a:ext>
              </a:extLst>
            </p:cNvPr>
            <p:cNvGrpSpPr/>
            <p:nvPr/>
          </p:nvGrpSpPr>
          <p:grpSpPr>
            <a:xfrm>
              <a:off x="1445089" y="2103438"/>
              <a:ext cx="1879962" cy="4011653"/>
              <a:chOff x="1442035" y="2103438"/>
              <a:chExt cx="1879962" cy="4011653"/>
            </a:xfrm>
          </p:grpSpPr>
          <p:sp>
            <p:nvSpPr>
              <p:cNvPr id="27" name="Rounded Rectangle 55">
                <a:extLst>
                  <a:ext uri="{FF2B5EF4-FFF2-40B4-BE49-F238E27FC236}">
                    <a16:creationId xmlns:a16="http://schemas.microsoft.com/office/drawing/2014/main" id="{65F0471A-1D93-4D98-AF50-FC80329C188B}"/>
                  </a:ext>
                </a:extLst>
              </p:cNvPr>
              <p:cNvSpPr/>
              <p:nvPr/>
            </p:nvSpPr>
            <p:spPr>
              <a:xfrm>
                <a:off x="1442035" y="2103438"/>
                <a:ext cx="1879962" cy="4011653"/>
              </a:xfrm>
              <a:prstGeom prst="roundRect">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8" name="Rectangle 27">
                <a:extLst>
                  <a:ext uri="{FF2B5EF4-FFF2-40B4-BE49-F238E27FC236}">
                    <a16:creationId xmlns:a16="http://schemas.microsoft.com/office/drawing/2014/main" id="{FEFD0D58-539D-4C01-9007-21543731C10C}"/>
                  </a:ext>
                </a:extLst>
              </p:cNvPr>
              <p:cNvSpPr/>
              <p:nvPr/>
            </p:nvSpPr>
            <p:spPr>
              <a:xfrm>
                <a:off x="1565645" y="2690932"/>
                <a:ext cx="1632743" cy="2836664"/>
              </a:xfrm>
              <a:prstGeom prst="rect">
                <a:avLst/>
              </a:prstGeom>
              <a:solidFill>
                <a:srgbClr val="ECECEC"/>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9" name="Rounded Rectangle 3">
                <a:extLst>
                  <a:ext uri="{FF2B5EF4-FFF2-40B4-BE49-F238E27FC236}">
                    <a16:creationId xmlns:a16="http://schemas.microsoft.com/office/drawing/2014/main" id="{EA686FE5-890F-4F16-BA4A-33113787DF91}"/>
                  </a:ext>
                </a:extLst>
              </p:cNvPr>
              <p:cNvSpPr/>
              <p:nvPr/>
            </p:nvSpPr>
            <p:spPr>
              <a:xfrm>
                <a:off x="1735127" y="2871891"/>
                <a:ext cx="1293779" cy="2474746"/>
              </a:xfrm>
              <a:prstGeom prst="roundRect">
                <a:avLst/>
              </a:pr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0" name="Rounded Rectangle 57">
                <a:extLst>
                  <a:ext uri="{FF2B5EF4-FFF2-40B4-BE49-F238E27FC236}">
                    <a16:creationId xmlns:a16="http://schemas.microsoft.com/office/drawing/2014/main" id="{FCD30AD8-1D8A-4AB9-BE03-68954F712E1B}"/>
                  </a:ext>
                </a:extLst>
              </p:cNvPr>
              <p:cNvSpPr/>
              <p:nvPr/>
            </p:nvSpPr>
            <p:spPr>
              <a:xfrm>
                <a:off x="2246485" y="2390023"/>
                <a:ext cx="392906" cy="73819"/>
              </a:xfrm>
              <a:prstGeom prst="roundRect">
                <a:avLst>
                  <a:gd name="adj" fmla="val 50000"/>
                </a:avLst>
              </a:prstGeom>
              <a:solidFill>
                <a:srgbClr val="A5ADB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1" name="Oval 30">
                <a:extLst>
                  <a:ext uri="{FF2B5EF4-FFF2-40B4-BE49-F238E27FC236}">
                    <a16:creationId xmlns:a16="http://schemas.microsoft.com/office/drawing/2014/main" id="{5E16DF96-86C2-4B15-9326-2A97269BFB6A}"/>
                  </a:ext>
                </a:extLst>
              </p:cNvPr>
              <p:cNvSpPr/>
              <p:nvPr/>
            </p:nvSpPr>
            <p:spPr>
              <a:xfrm>
                <a:off x="2087331" y="2390023"/>
                <a:ext cx="73819" cy="73819"/>
              </a:xfrm>
              <a:prstGeom prst="ellipse">
                <a:avLst/>
              </a:prstGeom>
              <a:solidFill>
                <a:srgbClr val="A5ADB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2" name="Oval 31">
                <a:extLst>
                  <a:ext uri="{FF2B5EF4-FFF2-40B4-BE49-F238E27FC236}">
                    <a16:creationId xmlns:a16="http://schemas.microsoft.com/office/drawing/2014/main" id="{90E1836A-D830-4D40-8740-D9505CA7C829}"/>
                  </a:ext>
                </a:extLst>
              </p:cNvPr>
              <p:cNvSpPr/>
              <p:nvPr/>
            </p:nvSpPr>
            <p:spPr>
              <a:xfrm>
                <a:off x="2244499" y="5679540"/>
                <a:ext cx="275035" cy="275035"/>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grpSp>
      <p:grpSp>
        <p:nvGrpSpPr>
          <p:cNvPr id="33" name="Group 32">
            <a:extLst>
              <a:ext uri="{FF2B5EF4-FFF2-40B4-BE49-F238E27FC236}">
                <a16:creationId xmlns:a16="http://schemas.microsoft.com/office/drawing/2014/main" id="{8833B81D-6E48-4769-A492-70757565FF88}"/>
              </a:ext>
            </a:extLst>
          </p:cNvPr>
          <p:cNvGrpSpPr/>
          <p:nvPr/>
        </p:nvGrpSpPr>
        <p:grpSpPr>
          <a:xfrm>
            <a:off x="8696988" y="3009149"/>
            <a:ext cx="687462" cy="1263975"/>
            <a:chOff x="503267" y="2573387"/>
            <a:chExt cx="1428627" cy="3075348"/>
          </a:xfrm>
        </p:grpSpPr>
        <p:grpSp>
          <p:nvGrpSpPr>
            <p:cNvPr id="34" name="Group 33">
              <a:extLst>
                <a:ext uri="{FF2B5EF4-FFF2-40B4-BE49-F238E27FC236}">
                  <a16:creationId xmlns:a16="http://schemas.microsoft.com/office/drawing/2014/main" id="{647A29BF-ABFE-4B38-BBA1-3089433F8DDE}"/>
                </a:ext>
              </a:extLst>
            </p:cNvPr>
            <p:cNvGrpSpPr/>
            <p:nvPr/>
          </p:nvGrpSpPr>
          <p:grpSpPr>
            <a:xfrm>
              <a:off x="503267" y="3627030"/>
              <a:ext cx="1428627" cy="968061"/>
              <a:chOff x="4351051" y="3323899"/>
              <a:chExt cx="1477155" cy="1000944"/>
            </a:xfrm>
          </p:grpSpPr>
          <p:sp>
            <p:nvSpPr>
              <p:cNvPr id="47" name="Freeform 33">
                <a:extLst>
                  <a:ext uri="{FF2B5EF4-FFF2-40B4-BE49-F238E27FC236}">
                    <a16:creationId xmlns:a16="http://schemas.microsoft.com/office/drawing/2014/main" id="{2544352B-E771-4765-BD7A-943E5A5805B3}"/>
                  </a:ext>
                </a:extLst>
              </p:cNvPr>
              <p:cNvSpPr>
                <a:spLocks/>
              </p:cNvSpPr>
              <p:nvPr/>
            </p:nvSpPr>
            <p:spPr bwMode="auto">
              <a:xfrm rot="16200000">
                <a:off x="4589157" y="3085793"/>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336C92"/>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48" name="Group 47">
                <a:extLst>
                  <a:ext uri="{FF2B5EF4-FFF2-40B4-BE49-F238E27FC236}">
                    <a16:creationId xmlns:a16="http://schemas.microsoft.com/office/drawing/2014/main" id="{801622B4-C484-48C9-95CD-4660F2CB6D50}"/>
                  </a:ext>
                </a:extLst>
              </p:cNvPr>
              <p:cNvGrpSpPr/>
              <p:nvPr/>
            </p:nvGrpSpPr>
            <p:grpSpPr>
              <a:xfrm>
                <a:off x="4477468" y="3446469"/>
                <a:ext cx="748512" cy="755802"/>
                <a:chOff x="6007876" y="3548291"/>
                <a:chExt cx="748512" cy="755802"/>
              </a:xfrm>
            </p:grpSpPr>
            <p:sp>
              <p:nvSpPr>
                <p:cNvPr id="49" name="Oval 48">
                  <a:extLst>
                    <a:ext uri="{FF2B5EF4-FFF2-40B4-BE49-F238E27FC236}">
                      <a16:creationId xmlns:a16="http://schemas.microsoft.com/office/drawing/2014/main" id="{4BE6AF32-F556-444C-840D-A69D96758718}"/>
                    </a:ext>
                  </a:extLst>
                </p:cNvPr>
                <p:cNvSpPr/>
                <p:nvPr/>
              </p:nvSpPr>
              <p:spPr>
                <a:xfrm rot="16200000">
                  <a:off x="6004231" y="3551936"/>
                  <a:ext cx="755802" cy="748512"/>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grpSp>
              <p:nvGrpSpPr>
                <p:cNvPr id="50" name="Group 49">
                  <a:extLst>
                    <a:ext uri="{FF2B5EF4-FFF2-40B4-BE49-F238E27FC236}">
                      <a16:creationId xmlns:a16="http://schemas.microsoft.com/office/drawing/2014/main" id="{78256611-5C69-4750-A372-7017F930E42D}"/>
                    </a:ext>
                  </a:extLst>
                </p:cNvPr>
                <p:cNvGrpSpPr/>
                <p:nvPr/>
              </p:nvGrpSpPr>
              <p:grpSpPr>
                <a:xfrm>
                  <a:off x="6134566" y="3843784"/>
                  <a:ext cx="511929" cy="175696"/>
                  <a:chOff x="6134566" y="3843784"/>
                  <a:chExt cx="511929" cy="175696"/>
                </a:xfrm>
              </p:grpSpPr>
              <p:sp>
                <p:nvSpPr>
                  <p:cNvPr id="51" name="Freeform 62">
                    <a:extLst>
                      <a:ext uri="{FF2B5EF4-FFF2-40B4-BE49-F238E27FC236}">
                        <a16:creationId xmlns:a16="http://schemas.microsoft.com/office/drawing/2014/main" id="{37CD2DFA-1270-4828-9E25-D42B275EE1CA}"/>
                      </a:ext>
                    </a:extLst>
                  </p:cNvPr>
                  <p:cNvSpPr>
                    <a:spLocks noEditPoints="1"/>
                  </p:cNvSpPr>
                  <p:nvPr/>
                </p:nvSpPr>
                <p:spPr bwMode="auto">
                  <a:xfrm>
                    <a:off x="6134566" y="3843784"/>
                    <a:ext cx="286625" cy="175696"/>
                  </a:xfrm>
                  <a:custGeom>
                    <a:avLst/>
                    <a:gdLst>
                      <a:gd name="T0" fmla="*/ 641 w 688"/>
                      <a:gd name="T1" fmla="*/ 321 h 421"/>
                      <a:gd name="T2" fmla="*/ 641 w 688"/>
                      <a:gd name="T3" fmla="*/ 321 h 421"/>
                      <a:gd name="T4" fmla="*/ 478 w 688"/>
                      <a:gd name="T5" fmla="*/ 321 h 421"/>
                      <a:gd name="T6" fmla="*/ 455 w 688"/>
                      <a:gd name="T7" fmla="*/ 344 h 421"/>
                      <a:gd name="T8" fmla="*/ 455 w 688"/>
                      <a:gd name="T9" fmla="*/ 375 h 421"/>
                      <a:gd name="T10" fmla="*/ 371 w 688"/>
                      <a:gd name="T11" fmla="*/ 375 h 421"/>
                      <a:gd name="T12" fmla="*/ 216 w 688"/>
                      <a:gd name="T13" fmla="*/ 248 h 421"/>
                      <a:gd name="T14" fmla="*/ 194 w 688"/>
                      <a:gd name="T15" fmla="*/ 231 h 421"/>
                      <a:gd name="T16" fmla="*/ 46 w 688"/>
                      <a:gd name="T17" fmla="*/ 231 h 421"/>
                      <a:gd name="T18" fmla="*/ 46 w 688"/>
                      <a:gd name="T19" fmla="*/ 207 h 421"/>
                      <a:gd name="T20" fmla="*/ 197 w 688"/>
                      <a:gd name="T21" fmla="*/ 207 h 421"/>
                      <a:gd name="T22" fmla="*/ 214 w 688"/>
                      <a:gd name="T23" fmla="*/ 200 h 421"/>
                      <a:gd name="T24" fmla="*/ 220 w 688"/>
                      <a:gd name="T25" fmla="*/ 184 h 421"/>
                      <a:gd name="T26" fmla="*/ 373 w 688"/>
                      <a:gd name="T27" fmla="*/ 47 h 421"/>
                      <a:gd name="T28" fmla="*/ 455 w 688"/>
                      <a:gd name="T29" fmla="*/ 47 h 421"/>
                      <a:gd name="T30" fmla="*/ 455 w 688"/>
                      <a:gd name="T31" fmla="*/ 81 h 421"/>
                      <a:gd name="T32" fmla="*/ 478 w 688"/>
                      <a:gd name="T33" fmla="*/ 104 h 421"/>
                      <a:gd name="T34" fmla="*/ 641 w 688"/>
                      <a:gd name="T35" fmla="*/ 104 h 421"/>
                      <a:gd name="T36" fmla="*/ 641 w 688"/>
                      <a:gd name="T37" fmla="*/ 122 h 421"/>
                      <a:gd name="T38" fmla="*/ 478 w 688"/>
                      <a:gd name="T39" fmla="*/ 121 h 421"/>
                      <a:gd name="T40" fmla="*/ 478 w 688"/>
                      <a:gd name="T41" fmla="*/ 121 h 421"/>
                      <a:gd name="T42" fmla="*/ 462 w 688"/>
                      <a:gd name="T43" fmla="*/ 128 h 421"/>
                      <a:gd name="T44" fmla="*/ 455 w 688"/>
                      <a:gd name="T45" fmla="*/ 144 h 421"/>
                      <a:gd name="T46" fmla="*/ 455 w 688"/>
                      <a:gd name="T47" fmla="*/ 279 h 421"/>
                      <a:gd name="T48" fmla="*/ 478 w 688"/>
                      <a:gd name="T49" fmla="*/ 302 h 421"/>
                      <a:gd name="T50" fmla="*/ 641 w 688"/>
                      <a:gd name="T51" fmla="*/ 303 h 421"/>
                      <a:gd name="T52" fmla="*/ 641 w 688"/>
                      <a:gd name="T53" fmla="*/ 321 h 421"/>
                      <a:gd name="T54" fmla="*/ 664 w 688"/>
                      <a:gd name="T55" fmla="*/ 256 h 421"/>
                      <a:gd name="T56" fmla="*/ 664 w 688"/>
                      <a:gd name="T57" fmla="*/ 256 h 421"/>
                      <a:gd name="T58" fmla="*/ 501 w 688"/>
                      <a:gd name="T59" fmla="*/ 255 h 421"/>
                      <a:gd name="T60" fmla="*/ 501 w 688"/>
                      <a:gd name="T61" fmla="*/ 168 h 421"/>
                      <a:gd name="T62" fmla="*/ 664 w 688"/>
                      <a:gd name="T63" fmla="*/ 168 h 421"/>
                      <a:gd name="T64" fmla="*/ 681 w 688"/>
                      <a:gd name="T65" fmla="*/ 162 h 421"/>
                      <a:gd name="T66" fmla="*/ 688 w 688"/>
                      <a:gd name="T67" fmla="*/ 145 h 421"/>
                      <a:gd name="T68" fmla="*/ 688 w 688"/>
                      <a:gd name="T69" fmla="*/ 81 h 421"/>
                      <a:gd name="T70" fmla="*/ 664 w 688"/>
                      <a:gd name="T71" fmla="*/ 58 h 421"/>
                      <a:gd name="T72" fmla="*/ 501 w 688"/>
                      <a:gd name="T73" fmla="*/ 58 h 421"/>
                      <a:gd name="T74" fmla="*/ 501 w 688"/>
                      <a:gd name="T75" fmla="*/ 24 h 421"/>
                      <a:gd name="T76" fmla="*/ 478 w 688"/>
                      <a:gd name="T77" fmla="*/ 0 h 421"/>
                      <a:gd name="T78" fmla="*/ 372 w 688"/>
                      <a:gd name="T79" fmla="*/ 0 h 421"/>
                      <a:gd name="T80" fmla="*/ 370 w 688"/>
                      <a:gd name="T81" fmla="*/ 0 h 421"/>
                      <a:gd name="T82" fmla="*/ 175 w 688"/>
                      <a:gd name="T83" fmla="*/ 161 h 421"/>
                      <a:gd name="T84" fmla="*/ 23 w 688"/>
                      <a:gd name="T85" fmla="*/ 161 h 421"/>
                      <a:gd name="T86" fmla="*/ 0 w 688"/>
                      <a:gd name="T87" fmla="*/ 184 h 421"/>
                      <a:gd name="T88" fmla="*/ 0 w 688"/>
                      <a:gd name="T89" fmla="*/ 254 h 421"/>
                      <a:gd name="T90" fmla="*/ 23 w 688"/>
                      <a:gd name="T91" fmla="*/ 277 h 421"/>
                      <a:gd name="T92" fmla="*/ 176 w 688"/>
                      <a:gd name="T93" fmla="*/ 277 h 421"/>
                      <a:gd name="T94" fmla="*/ 366 w 688"/>
                      <a:gd name="T95" fmla="*/ 421 h 421"/>
                      <a:gd name="T96" fmla="*/ 372 w 688"/>
                      <a:gd name="T97" fmla="*/ 421 h 421"/>
                      <a:gd name="T98" fmla="*/ 478 w 688"/>
                      <a:gd name="T99" fmla="*/ 421 h 421"/>
                      <a:gd name="T100" fmla="*/ 501 w 688"/>
                      <a:gd name="T101" fmla="*/ 398 h 421"/>
                      <a:gd name="T102" fmla="*/ 501 w 688"/>
                      <a:gd name="T103" fmla="*/ 367 h 421"/>
                      <a:gd name="T104" fmla="*/ 664 w 688"/>
                      <a:gd name="T105" fmla="*/ 367 h 421"/>
                      <a:gd name="T106" fmla="*/ 688 w 688"/>
                      <a:gd name="T107" fmla="*/ 344 h 421"/>
                      <a:gd name="T108" fmla="*/ 688 w 688"/>
                      <a:gd name="T109" fmla="*/ 279 h 421"/>
                      <a:gd name="T110" fmla="*/ 664 w 688"/>
                      <a:gd name="T111" fmla="*/ 256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88" h="421">
                        <a:moveTo>
                          <a:pt x="641" y="321"/>
                        </a:moveTo>
                        <a:lnTo>
                          <a:pt x="641" y="321"/>
                        </a:lnTo>
                        <a:lnTo>
                          <a:pt x="478" y="321"/>
                        </a:lnTo>
                        <a:cubicBezTo>
                          <a:pt x="465" y="321"/>
                          <a:pt x="455" y="331"/>
                          <a:pt x="455" y="344"/>
                        </a:cubicBezTo>
                        <a:lnTo>
                          <a:pt x="455" y="375"/>
                        </a:lnTo>
                        <a:lnTo>
                          <a:pt x="371" y="375"/>
                        </a:lnTo>
                        <a:cubicBezTo>
                          <a:pt x="366" y="375"/>
                          <a:pt x="250" y="379"/>
                          <a:pt x="216" y="248"/>
                        </a:cubicBezTo>
                        <a:cubicBezTo>
                          <a:pt x="214" y="238"/>
                          <a:pt x="204" y="231"/>
                          <a:pt x="194" y="231"/>
                        </a:cubicBezTo>
                        <a:lnTo>
                          <a:pt x="46" y="231"/>
                        </a:lnTo>
                        <a:lnTo>
                          <a:pt x="46" y="207"/>
                        </a:lnTo>
                        <a:lnTo>
                          <a:pt x="197" y="207"/>
                        </a:lnTo>
                        <a:cubicBezTo>
                          <a:pt x="203" y="207"/>
                          <a:pt x="209" y="205"/>
                          <a:pt x="214" y="200"/>
                        </a:cubicBezTo>
                        <a:cubicBezTo>
                          <a:pt x="218" y="196"/>
                          <a:pt x="220" y="190"/>
                          <a:pt x="220" y="184"/>
                        </a:cubicBezTo>
                        <a:cubicBezTo>
                          <a:pt x="220" y="179"/>
                          <a:pt x="221" y="60"/>
                          <a:pt x="373" y="47"/>
                        </a:cubicBezTo>
                        <a:lnTo>
                          <a:pt x="455" y="47"/>
                        </a:lnTo>
                        <a:lnTo>
                          <a:pt x="455" y="81"/>
                        </a:lnTo>
                        <a:cubicBezTo>
                          <a:pt x="455" y="94"/>
                          <a:pt x="465" y="104"/>
                          <a:pt x="478" y="104"/>
                        </a:cubicBezTo>
                        <a:lnTo>
                          <a:pt x="641" y="104"/>
                        </a:lnTo>
                        <a:lnTo>
                          <a:pt x="641" y="122"/>
                        </a:lnTo>
                        <a:lnTo>
                          <a:pt x="478" y="121"/>
                        </a:lnTo>
                        <a:lnTo>
                          <a:pt x="478" y="121"/>
                        </a:lnTo>
                        <a:cubicBezTo>
                          <a:pt x="472" y="121"/>
                          <a:pt x="466" y="123"/>
                          <a:pt x="462" y="128"/>
                        </a:cubicBezTo>
                        <a:cubicBezTo>
                          <a:pt x="457" y="132"/>
                          <a:pt x="455" y="138"/>
                          <a:pt x="455" y="144"/>
                        </a:cubicBezTo>
                        <a:lnTo>
                          <a:pt x="455" y="279"/>
                        </a:lnTo>
                        <a:cubicBezTo>
                          <a:pt x="455" y="291"/>
                          <a:pt x="465" y="302"/>
                          <a:pt x="478" y="302"/>
                        </a:cubicBezTo>
                        <a:lnTo>
                          <a:pt x="641" y="303"/>
                        </a:lnTo>
                        <a:lnTo>
                          <a:pt x="641" y="321"/>
                        </a:lnTo>
                        <a:close/>
                        <a:moveTo>
                          <a:pt x="664" y="256"/>
                        </a:moveTo>
                        <a:lnTo>
                          <a:pt x="664" y="256"/>
                        </a:lnTo>
                        <a:lnTo>
                          <a:pt x="501" y="255"/>
                        </a:lnTo>
                        <a:lnTo>
                          <a:pt x="501" y="168"/>
                        </a:lnTo>
                        <a:lnTo>
                          <a:pt x="664" y="168"/>
                        </a:lnTo>
                        <a:cubicBezTo>
                          <a:pt x="671" y="168"/>
                          <a:pt x="676" y="166"/>
                          <a:pt x="681" y="162"/>
                        </a:cubicBezTo>
                        <a:cubicBezTo>
                          <a:pt x="685" y="157"/>
                          <a:pt x="688" y="151"/>
                          <a:pt x="688" y="145"/>
                        </a:cubicBezTo>
                        <a:lnTo>
                          <a:pt x="688" y="81"/>
                        </a:lnTo>
                        <a:cubicBezTo>
                          <a:pt x="688" y="68"/>
                          <a:pt x="677" y="58"/>
                          <a:pt x="664" y="58"/>
                        </a:cubicBezTo>
                        <a:lnTo>
                          <a:pt x="501" y="58"/>
                        </a:lnTo>
                        <a:lnTo>
                          <a:pt x="501" y="24"/>
                        </a:lnTo>
                        <a:cubicBezTo>
                          <a:pt x="501" y="11"/>
                          <a:pt x="491" y="0"/>
                          <a:pt x="478" y="0"/>
                        </a:cubicBezTo>
                        <a:lnTo>
                          <a:pt x="372" y="0"/>
                        </a:lnTo>
                        <a:cubicBezTo>
                          <a:pt x="371" y="0"/>
                          <a:pt x="371" y="0"/>
                          <a:pt x="370" y="0"/>
                        </a:cubicBezTo>
                        <a:cubicBezTo>
                          <a:pt x="233" y="12"/>
                          <a:pt x="185" y="100"/>
                          <a:pt x="175" y="161"/>
                        </a:cubicBezTo>
                        <a:lnTo>
                          <a:pt x="23" y="161"/>
                        </a:lnTo>
                        <a:cubicBezTo>
                          <a:pt x="10" y="161"/>
                          <a:pt x="0" y="171"/>
                          <a:pt x="0" y="184"/>
                        </a:cubicBezTo>
                        <a:lnTo>
                          <a:pt x="0" y="254"/>
                        </a:lnTo>
                        <a:cubicBezTo>
                          <a:pt x="0" y="267"/>
                          <a:pt x="10" y="277"/>
                          <a:pt x="23" y="277"/>
                        </a:cubicBezTo>
                        <a:lnTo>
                          <a:pt x="176" y="277"/>
                        </a:lnTo>
                        <a:cubicBezTo>
                          <a:pt x="214" y="391"/>
                          <a:pt x="313" y="421"/>
                          <a:pt x="366" y="421"/>
                        </a:cubicBezTo>
                        <a:cubicBezTo>
                          <a:pt x="368" y="421"/>
                          <a:pt x="370" y="421"/>
                          <a:pt x="372" y="421"/>
                        </a:cubicBezTo>
                        <a:lnTo>
                          <a:pt x="478" y="421"/>
                        </a:lnTo>
                        <a:cubicBezTo>
                          <a:pt x="491" y="421"/>
                          <a:pt x="501" y="411"/>
                          <a:pt x="501" y="398"/>
                        </a:cubicBezTo>
                        <a:lnTo>
                          <a:pt x="501" y="367"/>
                        </a:lnTo>
                        <a:lnTo>
                          <a:pt x="664" y="367"/>
                        </a:lnTo>
                        <a:cubicBezTo>
                          <a:pt x="677" y="367"/>
                          <a:pt x="688" y="357"/>
                          <a:pt x="688" y="344"/>
                        </a:cubicBezTo>
                        <a:lnTo>
                          <a:pt x="688" y="279"/>
                        </a:lnTo>
                        <a:cubicBezTo>
                          <a:pt x="688" y="267"/>
                          <a:pt x="677" y="256"/>
                          <a:pt x="664" y="256"/>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52" name="Freeform 63">
                    <a:extLst>
                      <a:ext uri="{FF2B5EF4-FFF2-40B4-BE49-F238E27FC236}">
                        <a16:creationId xmlns:a16="http://schemas.microsoft.com/office/drawing/2014/main" id="{1E13AC5C-8EB1-4812-AC29-B89C387584F3}"/>
                      </a:ext>
                    </a:extLst>
                  </p:cNvPr>
                  <p:cNvSpPr>
                    <a:spLocks noEditPoints="1"/>
                  </p:cNvSpPr>
                  <p:nvPr/>
                </p:nvSpPr>
                <p:spPr bwMode="auto">
                  <a:xfrm>
                    <a:off x="6437727" y="3843784"/>
                    <a:ext cx="208768" cy="175696"/>
                  </a:xfrm>
                  <a:custGeom>
                    <a:avLst/>
                    <a:gdLst>
                      <a:gd name="T0" fmla="*/ 455 w 502"/>
                      <a:gd name="T1" fmla="*/ 231 h 421"/>
                      <a:gd name="T2" fmla="*/ 455 w 502"/>
                      <a:gd name="T3" fmla="*/ 231 h 421"/>
                      <a:gd name="T4" fmla="*/ 308 w 502"/>
                      <a:gd name="T5" fmla="*/ 231 h 421"/>
                      <a:gd name="T6" fmla="*/ 285 w 502"/>
                      <a:gd name="T7" fmla="*/ 248 h 421"/>
                      <a:gd name="T8" fmla="*/ 129 w 502"/>
                      <a:gd name="T9" fmla="*/ 375 h 421"/>
                      <a:gd name="T10" fmla="*/ 47 w 502"/>
                      <a:gd name="T11" fmla="*/ 375 h 421"/>
                      <a:gd name="T12" fmla="*/ 47 w 502"/>
                      <a:gd name="T13" fmla="*/ 47 h 421"/>
                      <a:gd name="T14" fmla="*/ 128 w 502"/>
                      <a:gd name="T15" fmla="*/ 47 h 421"/>
                      <a:gd name="T16" fmla="*/ 281 w 502"/>
                      <a:gd name="T17" fmla="*/ 184 h 421"/>
                      <a:gd name="T18" fmla="*/ 288 w 502"/>
                      <a:gd name="T19" fmla="*/ 200 h 421"/>
                      <a:gd name="T20" fmla="*/ 304 w 502"/>
                      <a:gd name="T21" fmla="*/ 207 h 421"/>
                      <a:gd name="T22" fmla="*/ 455 w 502"/>
                      <a:gd name="T23" fmla="*/ 207 h 421"/>
                      <a:gd name="T24" fmla="*/ 455 w 502"/>
                      <a:gd name="T25" fmla="*/ 231 h 421"/>
                      <a:gd name="T26" fmla="*/ 478 w 502"/>
                      <a:gd name="T27" fmla="*/ 161 h 421"/>
                      <a:gd name="T28" fmla="*/ 478 w 502"/>
                      <a:gd name="T29" fmla="*/ 161 h 421"/>
                      <a:gd name="T30" fmla="*/ 326 w 502"/>
                      <a:gd name="T31" fmla="*/ 161 h 421"/>
                      <a:gd name="T32" fmla="*/ 131 w 502"/>
                      <a:gd name="T33" fmla="*/ 0 h 421"/>
                      <a:gd name="T34" fmla="*/ 129 w 502"/>
                      <a:gd name="T35" fmla="*/ 0 h 421"/>
                      <a:gd name="T36" fmla="*/ 23 w 502"/>
                      <a:gd name="T37" fmla="*/ 0 h 421"/>
                      <a:gd name="T38" fmla="*/ 0 w 502"/>
                      <a:gd name="T39" fmla="*/ 24 h 421"/>
                      <a:gd name="T40" fmla="*/ 0 w 502"/>
                      <a:gd name="T41" fmla="*/ 398 h 421"/>
                      <a:gd name="T42" fmla="*/ 23 w 502"/>
                      <a:gd name="T43" fmla="*/ 421 h 421"/>
                      <a:gd name="T44" fmla="*/ 128 w 502"/>
                      <a:gd name="T45" fmla="*/ 421 h 421"/>
                      <a:gd name="T46" fmla="*/ 135 w 502"/>
                      <a:gd name="T47" fmla="*/ 421 h 421"/>
                      <a:gd name="T48" fmla="*/ 325 w 502"/>
                      <a:gd name="T49" fmla="*/ 277 h 421"/>
                      <a:gd name="T50" fmla="*/ 478 w 502"/>
                      <a:gd name="T51" fmla="*/ 277 h 421"/>
                      <a:gd name="T52" fmla="*/ 502 w 502"/>
                      <a:gd name="T53" fmla="*/ 254 h 421"/>
                      <a:gd name="T54" fmla="*/ 502 w 502"/>
                      <a:gd name="T55" fmla="*/ 184 h 421"/>
                      <a:gd name="T56" fmla="*/ 478 w 502"/>
                      <a:gd name="T57" fmla="*/ 161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2" h="421">
                        <a:moveTo>
                          <a:pt x="455" y="231"/>
                        </a:moveTo>
                        <a:lnTo>
                          <a:pt x="455" y="231"/>
                        </a:lnTo>
                        <a:lnTo>
                          <a:pt x="308" y="231"/>
                        </a:lnTo>
                        <a:cubicBezTo>
                          <a:pt x="297" y="231"/>
                          <a:pt x="288" y="238"/>
                          <a:pt x="285" y="248"/>
                        </a:cubicBezTo>
                        <a:cubicBezTo>
                          <a:pt x="251" y="378"/>
                          <a:pt x="135" y="375"/>
                          <a:pt x="129" y="375"/>
                        </a:cubicBezTo>
                        <a:lnTo>
                          <a:pt x="47" y="375"/>
                        </a:lnTo>
                        <a:lnTo>
                          <a:pt x="47" y="47"/>
                        </a:lnTo>
                        <a:lnTo>
                          <a:pt x="128" y="47"/>
                        </a:lnTo>
                        <a:cubicBezTo>
                          <a:pt x="279" y="60"/>
                          <a:pt x="281" y="179"/>
                          <a:pt x="281" y="184"/>
                        </a:cubicBezTo>
                        <a:cubicBezTo>
                          <a:pt x="281" y="190"/>
                          <a:pt x="283" y="196"/>
                          <a:pt x="288" y="200"/>
                        </a:cubicBezTo>
                        <a:cubicBezTo>
                          <a:pt x="292" y="205"/>
                          <a:pt x="298" y="207"/>
                          <a:pt x="304" y="207"/>
                        </a:cubicBezTo>
                        <a:lnTo>
                          <a:pt x="455" y="207"/>
                        </a:lnTo>
                        <a:lnTo>
                          <a:pt x="455" y="231"/>
                        </a:lnTo>
                        <a:close/>
                        <a:moveTo>
                          <a:pt x="478" y="161"/>
                        </a:moveTo>
                        <a:lnTo>
                          <a:pt x="478" y="161"/>
                        </a:lnTo>
                        <a:lnTo>
                          <a:pt x="326" y="161"/>
                        </a:lnTo>
                        <a:cubicBezTo>
                          <a:pt x="317" y="100"/>
                          <a:pt x="269" y="12"/>
                          <a:pt x="131" y="0"/>
                        </a:cubicBezTo>
                        <a:cubicBezTo>
                          <a:pt x="131" y="0"/>
                          <a:pt x="130" y="0"/>
                          <a:pt x="129" y="0"/>
                        </a:cubicBezTo>
                        <a:lnTo>
                          <a:pt x="23" y="0"/>
                        </a:lnTo>
                        <a:cubicBezTo>
                          <a:pt x="10" y="0"/>
                          <a:pt x="0" y="11"/>
                          <a:pt x="0" y="24"/>
                        </a:cubicBezTo>
                        <a:lnTo>
                          <a:pt x="0" y="398"/>
                        </a:lnTo>
                        <a:cubicBezTo>
                          <a:pt x="0" y="411"/>
                          <a:pt x="10" y="421"/>
                          <a:pt x="23" y="421"/>
                        </a:cubicBezTo>
                        <a:lnTo>
                          <a:pt x="128" y="421"/>
                        </a:lnTo>
                        <a:cubicBezTo>
                          <a:pt x="130" y="421"/>
                          <a:pt x="133" y="421"/>
                          <a:pt x="135" y="421"/>
                        </a:cubicBezTo>
                        <a:cubicBezTo>
                          <a:pt x="189" y="421"/>
                          <a:pt x="287" y="391"/>
                          <a:pt x="325" y="277"/>
                        </a:cubicBezTo>
                        <a:lnTo>
                          <a:pt x="478" y="277"/>
                        </a:lnTo>
                        <a:cubicBezTo>
                          <a:pt x="491" y="277"/>
                          <a:pt x="502" y="267"/>
                          <a:pt x="502" y="254"/>
                        </a:cubicBezTo>
                        <a:lnTo>
                          <a:pt x="502" y="184"/>
                        </a:lnTo>
                        <a:cubicBezTo>
                          <a:pt x="502" y="171"/>
                          <a:pt x="491" y="161"/>
                          <a:pt x="478" y="161"/>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grpSp>
        </p:grpSp>
        <p:grpSp>
          <p:nvGrpSpPr>
            <p:cNvPr id="35" name="Group 34">
              <a:extLst>
                <a:ext uri="{FF2B5EF4-FFF2-40B4-BE49-F238E27FC236}">
                  <a16:creationId xmlns:a16="http://schemas.microsoft.com/office/drawing/2014/main" id="{8DADACAF-D6E5-4D61-A6A5-07FB412DD4EA}"/>
                </a:ext>
              </a:extLst>
            </p:cNvPr>
            <p:cNvGrpSpPr/>
            <p:nvPr/>
          </p:nvGrpSpPr>
          <p:grpSpPr>
            <a:xfrm>
              <a:off x="503267" y="2573387"/>
              <a:ext cx="1428627" cy="968061"/>
              <a:chOff x="5685379" y="2321358"/>
              <a:chExt cx="1477155" cy="1000944"/>
            </a:xfrm>
          </p:grpSpPr>
          <p:sp>
            <p:nvSpPr>
              <p:cNvPr id="43" name="Freeform 39">
                <a:extLst>
                  <a:ext uri="{FF2B5EF4-FFF2-40B4-BE49-F238E27FC236}">
                    <a16:creationId xmlns:a16="http://schemas.microsoft.com/office/drawing/2014/main" id="{4F1F4717-DCB8-4A3C-81BE-DF87CFDA8753}"/>
                  </a:ext>
                </a:extLst>
              </p:cNvPr>
              <p:cNvSpPr>
                <a:spLocks/>
              </p:cNvSpPr>
              <p:nvPr/>
            </p:nvSpPr>
            <p:spPr bwMode="auto">
              <a:xfrm rot="16200000">
                <a:off x="5923485" y="2083252"/>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478FBF"/>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44" name="Group 43">
                <a:extLst>
                  <a:ext uri="{FF2B5EF4-FFF2-40B4-BE49-F238E27FC236}">
                    <a16:creationId xmlns:a16="http://schemas.microsoft.com/office/drawing/2014/main" id="{D4A390A2-BC5B-480B-B5D2-D5E47D0765DE}"/>
                  </a:ext>
                </a:extLst>
              </p:cNvPr>
              <p:cNvGrpSpPr/>
              <p:nvPr/>
            </p:nvGrpSpPr>
            <p:grpSpPr>
              <a:xfrm>
                <a:off x="5809018" y="2444753"/>
                <a:ext cx="746877" cy="754151"/>
                <a:chOff x="6007643" y="2551697"/>
                <a:chExt cx="746877" cy="754151"/>
              </a:xfrm>
            </p:grpSpPr>
            <p:sp>
              <p:nvSpPr>
                <p:cNvPr id="45" name="Oval 44">
                  <a:extLst>
                    <a:ext uri="{FF2B5EF4-FFF2-40B4-BE49-F238E27FC236}">
                      <a16:creationId xmlns:a16="http://schemas.microsoft.com/office/drawing/2014/main" id="{00C53D39-5994-4BE8-956F-66DD4069EEA2}"/>
                    </a:ext>
                  </a:extLst>
                </p:cNvPr>
                <p:cNvSpPr/>
                <p:nvPr/>
              </p:nvSpPr>
              <p:spPr>
                <a:xfrm rot="16200000">
                  <a:off x="6004006" y="2555334"/>
                  <a:ext cx="754151" cy="746877"/>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sp>
              <p:nvSpPr>
                <p:cNvPr id="46" name="Freeform 118">
                  <a:extLst>
                    <a:ext uri="{FF2B5EF4-FFF2-40B4-BE49-F238E27FC236}">
                      <a16:creationId xmlns:a16="http://schemas.microsoft.com/office/drawing/2014/main" id="{270D0B37-DE31-4940-91EB-FC8ACFAB977A}"/>
                    </a:ext>
                  </a:extLst>
                </p:cNvPr>
                <p:cNvSpPr>
                  <a:spLocks noEditPoints="1"/>
                </p:cNvSpPr>
                <p:nvPr/>
              </p:nvSpPr>
              <p:spPr bwMode="auto">
                <a:xfrm>
                  <a:off x="6260834" y="2701330"/>
                  <a:ext cx="227013" cy="450850"/>
                </a:xfrm>
                <a:custGeom>
                  <a:avLst/>
                  <a:gdLst>
                    <a:gd name="T0" fmla="*/ 7 w 71"/>
                    <a:gd name="T1" fmla="*/ 141 h 141"/>
                    <a:gd name="T2" fmla="*/ 5 w 71"/>
                    <a:gd name="T3" fmla="*/ 141 h 141"/>
                    <a:gd name="T4" fmla="*/ 4 w 71"/>
                    <a:gd name="T5" fmla="*/ 140 h 141"/>
                    <a:gd name="T6" fmla="*/ 3 w 71"/>
                    <a:gd name="T7" fmla="*/ 136 h 141"/>
                    <a:gd name="T8" fmla="*/ 32 w 71"/>
                    <a:gd name="T9" fmla="*/ 88 h 141"/>
                    <a:gd name="T10" fmla="*/ 21 w 71"/>
                    <a:gd name="T11" fmla="*/ 79 h 141"/>
                    <a:gd name="T12" fmla="*/ 1 w 71"/>
                    <a:gd name="T13" fmla="*/ 63 h 141"/>
                    <a:gd name="T14" fmla="*/ 0 w 71"/>
                    <a:gd name="T15" fmla="*/ 61 h 141"/>
                    <a:gd name="T16" fmla="*/ 1 w 71"/>
                    <a:gd name="T17" fmla="*/ 59 h 141"/>
                    <a:gd name="T18" fmla="*/ 31 w 71"/>
                    <a:gd name="T19" fmla="*/ 32 h 141"/>
                    <a:gd name="T20" fmla="*/ 66 w 71"/>
                    <a:gd name="T21" fmla="*/ 1 h 141"/>
                    <a:gd name="T22" fmla="*/ 69 w 71"/>
                    <a:gd name="T23" fmla="*/ 1 h 141"/>
                    <a:gd name="T24" fmla="*/ 70 w 71"/>
                    <a:gd name="T25" fmla="*/ 1 h 141"/>
                    <a:gd name="T26" fmla="*/ 70 w 71"/>
                    <a:gd name="T27" fmla="*/ 1 h 141"/>
                    <a:gd name="T28" fmla="*/ 71 w 71"/>
                    <a:gd name="T29" fmla="*/ 3 h 141"/>
                    <a:gd name="T30" fmla="*/ 71 w 71"/>
                    <a:gd name="T31" fmla="*/ 5 h 141"/>
                    <a:gd name="T32" fmla="*/ 52 w 71"/>
                    <a:gd name="T33" fmla="*/ 35 h 141"/>
                    <a:gd name="T34" fmla="*/ 35 w 71"/>
                    <a:gd name="T35" fmla="*/ 61 h 141"/>
                    <a:gd name="T36" fmla="*/ 58 w 71"/>
                    <a:gd name="T37" fmla="*/ 76 h 141"/>
                    <a:gd name="T38" fmla="*/ 70 w 71"/>
                    <a:gd name="T39" fmla="*/ 84 h 141"/>
                    <a:gd name="T40" fmla="*/ 71 w 71"/>
                    <a:gd name="T41" fmla="*/ 86 h 141"/>
                    <a:gd name="T42" fmla="*/ 71 w 71"/>
                    <a:gd name="T43" fmla="*/ 88 h 141"/>
                    <a:gd name="T44" fmla="*/ 13 w 71"/>
                    <a:gd name="T45" fmla="*/ 136 h 141"/>
                    <a:gd name="T46" fmla="*/ 8 w 71"/>
                    <a:gd name="T47" fmla="*/ 141 h 141"/>
                    <a:gd name="T48" fmla="*/ 7 w 71"/>
                    <a:gd name="T49" fmla="*/ 141 h 141"/>
                    <a:gd name="T50" fmla="*/ 6 w 71"/>
                    <a:gd name="T51" fmla="*/ 61 h 141"/>
                    <a:gd name="T52" fmla="*/ 24 w 71"/>
                    <a:gd name="T53" fmla="*/ 75 h 141"/>
                    <a:gd name="T54" fmla="*/ 37 w 71"/>
                    <a:gd name="T55" fmla="*/ 85 h 141"/>
                    <a:gd name="T56" fmla="*/ 38 w 71"/>
                    <a:gd name="T57" fmla="*/ 88 h 141"/>
                    <a:gd name="T58" fmla="*/ 13 w 71"/>
                    <a:gd name="T59" fmla="*/ 130 h 141"/>
                    <a:gd name="T60" fmla="*/ 65 w 71"/>
                    <a:gd name="T61" fmla="*/ 86 h 141"/>
                    <a:gd name="T62" fmla="*/ 55 w 71"/>
                    <a:gd name="T63" fmla="*/ 80 h 141"/>
                    <a:gd name="T64" fmla="*/ 30 w 71"/>
                    <a:gd name="T65" fmla="*/ 63 h 141"/>
                    <a:gd name="T66" fmla="*/ 30 w 71"/>
                    <a:gd name="T67" fmla="*/ 60 h 141"/>
                    <a:gd name="T68" fmla="*/ 47 w 71"/>
                    <a:gd name="T69" fmla="*/ 33 h 141"/>
                    <a:gd name="T70" fmla="*/ 59 w 71"/>
                    <a:gd name="T71" fmla="*/ 13 h 141"/>
                    <a:gd name="T72" fmla="*/ 35 w 71"/>
                    <a:gd name="T73" fmla="*/ 35 h 141"/>
                    <a:gd name="T74" fmla="*/ 6 w 71"/>
                    <a:gd name="T75" fmla="*/ 61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1" h="141">
                      <a:moveTo>
                        <a:pt x="7" y="141"/>
                      </a:moveTo>
                      <a:cubicBezTo>
                        <a:pt x="6" y="141"/>
                        <a:pt x="5" y="141"/>
                        <a:pt x="5" y="141"/>
                      </a:cubicBezTo>
                      <a:cubicBezTo>
                        <a:pt x="4" y="140"/>
                        <a:pt x="4" y="140"/>
                        <a:pt x="4" y="140"/>
                      </a:cubicBezTo>
                      <a:cubicBezTo>
                        <a:pt x="3" y="139"/>
                        <a:pt x="3" y="137"/>
                        <a:pt x="3" y="136"/>
                      </a:cubicBezTo>
                      <a:cubicBezTo>
                        <a:pt x="13" y="121"/>
                        <a:pt x="22" y="104"/>
                        <a:pt x="32" y="88"/>
                      </a:cubicBezTo>
                      <a:cubicBezTo>
                        <a:pt x="28" y="85"/>
                        <a:pt x="25" y="82"/>
                        <a:pt x="21" y="79"/>
                      </a:cubicBezTo>
                      <a:cubicBezTo>
                        <a:pt x="14" y="73"/>
                        <a:pt x="8" y="68"/>
                        <a:pt x="1" y="63"/>
                      </a:cubicBezTo>
                      <a:cubicBezTo>
                        <a:pt x="0" y="62"/>
                        <a:pt x="0" y="62"/>
                        <a:pt x="0" y="61"/>
                      </a:cubicBezTo>
                      <a:cubicBezTo>
                        <a:pt x="0" y="60"/>
                        <a:pt x="0" y="59"/>
                        <a:pt x="1" y="59"/>
                      </a:cubicBezTo>
                      <a:cubicBezTo>
                        <a:pt x="11" y="50"/>
                        <a:pt x="21" y="41"/>
                        <a:pt x="31" y="32"/>
                      </a:cubicBezTo>
                      <a:cubicBezTo>
                        <a:pt x="43" y="21"/>
                        <a:pt x="54" y="11"/>
                        <a:pt x="66" y="1"/>
                      </a:cubicBezTo>
                      <a:cubicBezTo>
                        <a:pt x="67" y="0"/>
                        <a:pt x="68" y="0"/>
                        <a:pt x="69" y="1"/>
                      </a:cubicBezTo>
                      <a:cubicBezTo>
                        <a:pt x="70" y="1"/>
                        <a:pt x="70" y="1"/>
                        <a:pt x="70" y="1"/>
                      </a:cubicBezTo>
                      <a:cubicBezTo>
                        <a:pt x="70" y="1"/>
                        <a:pt x="70" y="1"/>
                        <a:pt x="70" y="1"/>
                      </a:cubicBezTo>
                      <a:cubicBezTo>
                        <a:pt x="71" y="2"/>
                        <a:pt x="71" y="2"/>
                        <a:pt x="71" y="3"/>
                      </a:cubicBezTo>
                      <a:cubicBezTo>
                        <a:pt x="71" y="3"/>
                        <a:pt x="71" y="4"/>
                        <a:pt x="71" y="5"/>
                      </a:cubicBezTo>
                      <a:cubicBezTo>
                        <a:pt x="65" y="15"/>
                        <a:pt x="58" y="25"/>
                        <a:pt x="52" y="35"/>
                      </a:cubicBezTo>
                      <a:cubicBezTo>
                        <a:pt x="46" y="44"/>
                        <a:pt x="41" y="52"/>
                        <a:pt x="35" y="61"/>
                      </a:cubicBezTo>
                      <a:cubicBezTo>
                        <a:pt x="43" y="66"/>
                        <a:pt x="50" y="71"/>
                        <a:pt x="58" y="76"/>
                      </a:cubicBezTo>
                      <a:cubicBezTo>
                        <a:pt x="62" y="79"/>
                        <a:pt x="66" y="81"/>
                        <a:pt x="70" y="84"/>
                      </a:cubicBezTo>
                      <a:cubicBezTo>
                        <a:pt x="71" y="85"/>
                        <a:pt x="71" y="85"/>
                        <a:pt x="71" y="86"/>
                      </a:cubicBezTo>
                      <a:cubicBezTo>
                        <a:pt x="71" y="87"/>
                        <a:pt x="71" y="88"/>
                        <a:pt x="71" y="88"/>
                      </a:cubicBezTo>
                      <a:cubicBezTo>
                        <a:pt x="51" y="104"/>
                        <a:pt x="32" y="121"/>
                        <a:pt x="13" y="136"/>
                      </a:cubicBezTo>
                      <a:cubicBezTo>
                        <a:pt x="8" y="141"/>
                        <a:pt x="8" y="141"/>
                        <a:pt x="8" y="141"/>
                      </a:cubicBezTo>
                      <a:cubicBezTo>
                        <a:pt x="8" y="141"/>
                        <a:pt x="7" y="141"/>
                        <a:pt x="7" y="141"/>
                      </a:cubicBezTo>
                      <a:close/>
                      <a:moveTo>
                        <a:pt x="6" y="61"/>
                      </a:moveTo>
                      <a:cubicBezTo>
                        <a:pt x="12" y="66"/>
                        <a:pt x="18" y="70"/>
                        <a:pt x="24" y="75"/>
                      </a:cubicBezTo>
                      <a:cubicBezTo>
                        <a:pt x="28" y="78"/>
                        <a:pt x="33" y="81"/>
                        <a:pt x="37" y="85"/>
                      </a:cubicBezTo>
                      <a:cubicBezTo>
                        <a:pt x="38" y="86"/>
                        <a:pt x="38" y="87"/>
                        <a:pt x="38" y="88"/>
                      </a:cubicBezTo>
                      <a:cubicBezTo>
                        <a:pt x="29" y="103"/>
                        <a:pt x="21" y="117"/>
                        <a:pt x="13" y="130"/>
                      </a:cubicBezTo>
                      <a:cubicBezTo>
                        <a:pt x="30" y="116"/>
                        <a:pt x="47" y="101"/>
                        <a:pt x="65" y="86"/>
                      </a:cubicBezTo>
                      <a:cubicBezTo>
                        <a:pt x="62" y="84"/>
                        <a:pt x="58" y="82"/>
                        <a:pt x="55" y="80"/>
                      </a:cubicBezTo>
                      <a:cubicBezTo>
                        <a:pt x="47" y="75"/>
                        <a:pt x="39" y="69"/>
                        <a:pt x="30" y="63"/>
                      </a:cubicBezTo>
                      <a:cubicBezTo>
                        <a:pt x="29" y="63"/>
                        <a:pt x="29" y="61"/>
                        <a:pt x="30" y="60"/>
                      </a:cubicBezTo>
                      <a:cubicBezTo>
                        <a:pt x="36" y="50"/>
                        <a:pt x="42" y="42"/>
                        <a:pt x="47" y="33"/>
                      </a:cubicBezTo>
                      <a:cubicBezTo>
                        <a:pt x="51" y="26"/>
                        <a:pt x="56" y="20"/>
                        <a:pt x="59" y="13"/>
                      </a:cubicBezTo>
                      <a:cubicBezTo>
                        <a:pt x="51" y="21"/>
                        <a:pt x="43" y="28"/>
                        <a:pt x="35" y="35"/>
                      </a:cubicBezTo>
                      <a:cubicBezTo>
                        <a:pt x="25" y="44"/>
                        <a:pt x="16" y="52"/>
                        <a:pt x="6" y="61"/>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6" name="Group 35">
              <a:extLst>
                <a:ext uri="{FF2B5EF4-FFF2-40B4-BE49-F238E27FC236}">
                  <a16:creationId xmlns:a16="http://schemas.microsoft.com/office/drawing/2014/main" id="{445A33D8-2284-4B7D-A1B3-05FE75F465C8}"/>
                </a:ext>
              </a:extLst>
            </p:cNvPr>
            <p:cNvGrpSpPr/>
            <p:nvPr/>
          </p:nvGrpSpPr>
          <p:grpSpPr>
            <a:xfrm>
              <a:off x="503267" y="4680674"/>
              <a:ext cx="1428627" cy="968061"/>
              <a:chOff x="5685379" y="4534039"/>
              <a:chExt cx="1477155" cy="1000944"/>
            </a:xfrm>
          </p:grpSpPr>
          <p:sp>
            <p:nvSpPr>
              <p:cNvPr id="37" name="Freeform 47">
                <a:extLst>
                  <a:ext uri="{FF2B5EF4-FFF2-40B4-BE49-F238E27FC236}">
                    <a16:creationId xmlns:a16="http://schemas.microsoft.com/office/drawing/2014/main" id="{9D82E616-05FD-415A-8EA9-98526C67F8FF}"/>
                  </a:ext>
                </a:extLst>
              </p:cNvPr>
              <p:cNvSpPr>
                <a:spLocks/>
              </p:cNvSpPr>
              <p:nvPr/>
            </p:nvSpPr>
            <p:spPr bwMode="auto">
              <a:xfrm rot="16200000">
                <a:off x="5923485" y="4295933"/>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224861"/>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38" name="Group 37">
                <a:extLst>
                  <a:ext uri="{FF2B5EF4-FFF2-40B4-BE49-F238E27FC236}">
                    <a16:creationId xmlns:a16="http://schemas.microsoft.com/office/drawing/2014/main" id="{52707AD2-F5EC-476F-ADA0-ABC76E23F33A}"/>
                  </a:ext>
                </a:extLst>
              </p:cNvPr>
              <p:cNvGrpSpPr/>
              <p:nvPr/>
            </p:nvGrpSpPr>
            <p:grpSpPr>
              <a:xfrm>
                <a:off x="5812403" y="4657435"/>
                <a:ext cx="746876" cy="754150"/>
                <a:chOff x="6007644" y="4546540"/>
                <a:chExt cx="746876" cy="754150"/>
              </a:xfrm>
            </p:grpSpPr>
            <p:sp>
              <p:nvSpPr>
                <p:cNvPr id="39" name="Oval 38">
                  <a:extLst>
                    <a:ext uri="{FF2B5EF4-FFF2-40B4-BE49-F238E27FC236}">
                      <a16:creationId xmlns:a16="http://schemas.microsoft.com/office/drawing/2014/main" id="{35AA1CAF-9D32-4C31-B67D-56D588528961}"/>
                    </a:ext>
                  </a:extLst>
                </p:cNvPr>
                <p:cNvSpPr/>
                <p:nvPr/>
              </p:nvSpPr>
              <p:spPr>
                <a:xfrm rot="16200000">
                  <a:off x="6004007" y="4550177"/>
                  <a:ext cx="754150" cy="746876"/>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grpSp>
              <p:nvGrpSpPr>
                <p:cNvPr id="40" name="Group 101">
                  <a:extLst>
                    <a:ext uri="{FF2B5EF4-FFF2-40B4-BE49-F238E27FC236}">
                      <a16:creationId xmlns:a16="http://schemas.microsoft.com/office/drawing/2014/main" id="{21A6DA54-F924-44E1-B62A-B2E6DD502580}"/>
                    </a:ext>
                  </a:extLst>
                </p:cNvPr>
                <p:cNvGrpSpPr>
                  <a:grpSpLocks noChangeAspect="1"/>
                </p:cNvGrpSpPr>
                <p:nvPr/>
              </p:nvGrpSpPr>
              <p:grpSpPr bwMode="auto">
                <a:xfrm>
                  <a:off x="6157409" y="4706242"/>
                  <a:ext cx="461613" cy="462823"/>
                  <a:chOff x="4860" y="3091"/>
                  <a:chExt cx="762" cy="764"/>
                </a:xfrm>
                <a:solidFill>
                  <a:schemeClr val="bg1"/>
                </a:solidFill>
              </p:grpSpPr>
              <p:sp>
                <p:nvSpPr>
                  <p:cNvPr id="41" name="Freeform 102">
                    <a:extLst>
                      <a:ext uri="{FF2B5EF4-FFF2-40B4-BE49-F238E27FC236}">
                        <a16:creationId xmlns:a16="http://schemas.microsoft.com/office/drawing/2014/main" id="{58240FAB-21F3-40D3-AEFB-E7923C298B3A}"/>
                      </a:ext>
                    </a:extLst>
                  </p:cNvPr>
                  <p:cNvSpPr>
                    <a:spLocks/>
                  </p:cNvSpPr>
                  <p:nvPr/>
                </p:nvSpPr>
                <p:spPr bwMode="auto">
                  <a:xfrm>
                    <a:off x="5182" y="3357"/>
                    <a:ext cx="118" cy="241"/>
                  </a:xfrm>
                  <a:custGeom>
                    <a:avLst/>
                    <a:gdLst>
                      <a:gd name="T0" fmla="*/ 73 w 197"/>
                      <a:gd name="T1" fmla="*/ 120 h 400"/>
                      <a:gd name="T2" fmla="*/ 73 w 197"/>
                      <a:gd name="T3" fmla="*/ 120 h 400"/>
                      <a:gd name="T4" fmla="*/ 174 w 197"/>
                      <a:gd name="T5" fmla="*/ 120 h 400"/>
                      <a:gd name="T6" fmla="*/ 197 w 197"/>
                      <a:gd name="T7" fmla="*/ 100 h 400"/>
                      <a:gd name="T8" fmla="*/ 174 w 197"/>
                      <a:gd name="T9" fmla="*/ 80 h 400"/>
                      <a:gd name="T10" fmla="*/ 125 w 197"/>
                      <a:gd name="T11" fmla="*/ 80 h 400"/>
                      <a:gd name="T12" fmla="*/ 125 w 197"/>
                      <a:gd name="T13" fmla="*/ 23 h 400"/>
                      <a:gd name="T14" fmla="*/ 98 w 197"/>
                      <a:gd name="T15" fmla="*/ 0 h 400"/>
                      <a:gd name="T16" fmla="*/ 72 w 197"/>
                      <a:gd name="T17" fmla="*/ 23 h 400"/>
                      <a:gd name="T18" fmla="*/ 72 w 197"/>
                      <a:gd name="T19" fmla="*/ 80 h 400"/>
                      <a:gd name="T20" fmla="*/ 73 w 197"/>
                      <a:gd name="T21" fmla="*/ 80 h 400"/>
                      <a:gd name="T22" fmla="*/ 0 w 197"/>
                      <a:gd name="T23" fmla="*/ 153 h 400"/>
                      <a:gd name="T24" fmla="*/ 73 w 197"/>
                      <a:gd name="T25" fmla="*/ 227 h 400"/>
                      <a:gd name="T26" fmla="*/ 124 w 197"/>
                      <a:gd name="T27" fmla="*/ 227 h 400"/>
                      <a:gd name="T28" fmla="*/ 151 w 197"/>
                      <a:gd name="T29" fmla="*/ 253 h 400"/>
                      <a:gd name="T30" fmla="*/ 124 w 197"/>
                      <a:gd name="T31" fmla="*/ 280 h 400"/>
                      <a:gd name="T32" fmla="*/ 23 w 197"/>
                      <a:gd name="T33" fmla="*/ 280 h 400"/>
                      <a:gd name="T34" fmla="*/ 0 w 197"/>
                      <a:gd name="T35" fmla="*/ 300 h 400"/>
                      <a:gd name="T36" fmla="*/ 23 w 197"/>
                      <a:gd name="T37" fmla="*/ 320 h 400"/>
                      <a:gd name="T38" fmla="*/ 72 w 197"/>
                      <a:gd name="T39" fmla="*/ 320 h 400"/>
                      <a:gd name="T40" fmla="*/ 72 w 197"/>
                      <a:gd name="T41" fmla="*/ 376 h 400"/>
                      <a:gd name="T42" fmla="*/ 98 w 197"/>
                      <a:gd name="T43" fmla="*/ 400 h 400"/>
                      <a:gd name="T44" fmla="*/ 125 w 197"/>
                      <a:gd name="T45" fmla="*/ 376 h 400"/>
                      <a:gd name="T46" fmla="*/ 125 w 197"/>
                      <a:gd name="T47" fmla="*/ 320 h 400"/>
                      <a:gd name="T48" fmla="*/ 124 w 197"/>
                      <a:gd name="T49" fmla="*/ 320 h 400"/>
                      <a:gd name="T50" fmla="*/ 197 w 197"/>
                      <a:gd name="T51" fmla="*/ 247 h 400"/>
                      <a:gd name="T52" fmla="*/ 124 w 197"/>
                      <a:gd name="T53" fmla="*/ 173 h 400"/>
                      <a:gd name="T54" fmla="*/ 73 w 197"/>
                      <a:gd name="T55" fmla="*/ 173 h 400"/>
                      <a:gd name="T56" fmla="*/ 46 w 197"/>
                      <a:gd name="T57" fmla="*/ 147 h 400"/>
                      <a:gd name="T58" fmla="*/ 73 w 197"/>
                      <a:gd name="T59" fmla="*/ 120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97" h="400">
                        <a:moveTo>
                          <a:pt x="73" y="120"/>
                        </a:moveTo>
                        <a:lnTo>
                          <a:pt x="73" y="120"/>
                        </a:lnTo>
                        <a:lnTo>
                          <a:pt x="174" y="120"/>
                        </a:lnTo>
                        <a:cubicBezTo>
                          <a:pt x="187" y="120"/>
                          <a:pt x="197" y="113"/>
                          <a:pt x="197" y="100"/>
                        </a:cubicBezTo>
                        <a:cubicBezTo>
                          <a:pt x="197" y="87"/>
                          <a:pt x="187" y="80"/>
                          <a:pt x="174" y="80"/>
                        </a:cubicBezTo>
                        <a:lnTo>
                          <a:pt x="125" y="80"/>
                        </a:lnTo>
                        <a:lnTo>
                          <a:pt x="125" y="23"/>
                        </a:lnTo>
                        <a:cubicBezTo>
                          <a:pt x="125" y="11"/>
                          <a:pt x="111" y="0"/>
                          <a:pt x="98" y="0"/>
                        </a:cubicBezTo>
                        <a:cubicBezTo>
                          <a:pt x="86" y="0"/>
                          <a:pt x="72" y="11"/>
                          <a:pt x="72" y="23"/>
                        </a:cubicBezTo>
                        <a:lnTo>
                          <a:pt x="72" y="80"/>
                        </a:lnTo>
                        <a:lnTo>
                          <a:pt x="73" y="80"/>
                        </a:lnTo>
                        <a:cubicBezTo>
                          <a:pt x="33" y="80"/>
                          <a:pt x="0" y="113"/>
                          <a:pt x="0" y="153"/>
                        </a:cubicBezTo>
                        <a:cubicBezTo>
                          <a:pt x="0" y="194"/>
                          <a:pt x="33" y="227"/>
                          <a:pt x="73" y="227"/>
                        </a:cubicBezTo>
                        <a:lnTo>
                          <a:pt x="124" y="227"/>
                        </a:lnTo>
                        <a:cubicBezTo>
                          <a:pt x="139" y="227"/>
                          <a:pt x="151" y="238"/>
                          <a:pt x="151" y="253"/>
                        </a:cubicBezTo>
                        <a:cubicBezTo>
                          <a:pt x="151" y="268"/>
                          <a:pt x="139" y="280"/>
                          <a:pt x="124" y="280"/>
                        </a:cubicBezTo>
                        <a:lnTo>
                          <a:pt x="23" y="280"/>
                        </a:lnTo>
                        <a:cubicBezTo>
                          <a:pt x="10" y="280"/>
                          <a:pt x="0" y="287"/>
                          <a:pt x="0" y="300"/>
                        </a:cubicBezTo>
                        <a:cubicBezTo>
                          <a:pt x="0" y="313"/>
                          <a:pt x="10" y="320"/>
                          <a:pt x="23" y="320"/>
                        </a:cubicBezTo>
                        <a:lnTo>
                          <a:pt x="72" y="320"/>
                        </a:lnTo>
                        <a:lnTo>
                          <a:pt x="72" y="376"/>
                        </a:lnTo>
                        <a:cubicBezTo>
                          <a:pt x="72" y="389"/>
                          <a:pt x="86" y="400"/>
                          <a:pt x="98" y="400"/>
                        </a:cubicBezTo>
                        <a:cubicBezTo>
                          <a:pt x="111" y="400"/>
                          <a:pt x="125" y="389"/>
                          <a:pt x="125" y="376"/>
                        </a:cubicBezTo>
                        <a:lnTo>
                          <a:pt x="125" y="320"/>
                        </a:lnTo>
                        <a:lnTo>
                          <a:pt x="124" y="320"/>
                        </a:lnTo>
                        <a:cubicBezTo>
                          <a:pt x="164" y="320"/>
                          <a:pt x="197" y="287"/>
                          <a:pt x="197" y="247"/>
                        </a:cubicBezTo>
                        <a:cubicBezTo>
                          <a:pt x="197" y="206"/>
                          <a:pt x="164" y="173"/>
                          <a:pt x="124" y="173"/>
                        </a:cubicBezTo>
                        <a:lnTo>
                          <a:pt x="73" y="173"/>
                        </a:lnTo>
                        <a:cubicBezTo>
                          <a:pt x="58" y="173"/>
                          <a:pt x="46" y="161"/>
                          <a:pt x="46" y="147"/>
                        </a:cubicBezTo>
                        <a:cubicBezTo>
                          <a:pt x="46" y="132"/>
                          <a:pt x="58" y="120"/>
                          <a:pt x="73" y="12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42" name="Freeform 103">
                    <a:extLst>
                      <a:ext uri="{FF2B5EF4-FFF2-40B4-BE49-F238E27FC236}">
                        <a16:creationId xmlns:a16="http://schemas.microsoft.com/office/drawing/2014/main" id="{8C9E147C-2E64-42B4-976A-1C38C0B202BB}"/>
                      </a:ext>
                    </a:extLst>
                  </p:cNvPr>
                  <p:cNvSpPr>
                    <a:spLocks noEditPoints="1"/>
                  </p:cNvSpPr>
                  <p:nvPr/>
                </p:nvSpPr>
                <p:spPr bwMode="auto">
                  <a:xfrm>
                    <a:off x="4860" y="3091"/>
                    <a:ext cx="762" cy="764"/>
                  </a:xfrm>
                  <a:custGeom>
                    <a:avLst/>
                    <a:gdLst>
                      <a:gd name="T0" fmla="*/ 1183 w 1263"/>
                      <a:gd name="T1" fmla="*/ 771 h 1266"/>
                      <a:gd name="T2" fmla="*/ 1183 w 1263"/>
                      <a:gd name="T3" fmla="*/ 705 h 1266"/>
                      <a:gd name="T4" fmla="*/ 871 w 1263"/>
                      <a:gd name="T5" fmla="*/ 743 h 1266"/>
                      <a:gd name="T6" fmla="*/ 528 w 1263"/>
                      <a:gd name="T7" fmla="*/ 880 h 1266"/>
                      <a:gd name="T8" fmla="*/ 528 w 1263"/>
                      <a:gd name="T9" fmla="*/ 400 h 1266"/>
                      <a:gd name="T10" fmla="*/ 871 w 1263"/>
                      <a:gd name="T11" fmla="*/ 743 h 1266"/>
                      <a:gd name="T12" fmla="*/ 59 w 1263"/>
                      <a:gd name="T13" fmla="*/ 548 h 1266"/>
                      <a:gd name="T14" fmla="*/ 104 w 1263"/>
                      <a:gd name="T15" fmla="*/ 501 h 1266"/>
                      <a:gd name="T16" fmla="*/ 725 w 1263"/>
                      <a:gd name="T17" fmla="*/ 46 h 1266"/>
                      <a:gd name="T18" fmla="*/ 725 w 1263"/>
                      <a:gd name="T19" fmla="*/ 113 h 1266"/>
                      <a:gd name="T20" fmla="*/ 1160 w 1263"/>
                      <a:gd name="T21" fmla="*/ 501 h 1266"/>
                      <a:gd name="T22" fmla="*/ 1216 w 1263"/>
                      <a:gd name="T23" fmla="*/ 525 h 1266"/>
                      <a:gd name="T24" fmla="*/ 1150 w 1263"/>
                      <a:gd name="T25" fmla="*/ 525 h 1266"/>
                      <a:gd name="T26" fmla="*/ 988 w 1263"/>
                      <a:gd name="T27" fmla="*/ 1150 h 1266"/>
                      <a:gd name="T28" fmla="*/ 991 w 1263"/>
                      <a:gd name="T29" fmla="*/ 1213 h 1266"/>
                      <a:gd name="T30" fmla="*/ 955 w 1263"/>
                      <a:gd name="T31" fmla="*/ 1182 h 1266"/>
                      <a:gd name="T32" fmla="*/ 275 w 1263"/>
                      <a:gd name="T33" fmla="*/ 1213 h 1266"/>
                      <a:gd name="T34" fmla="*/ 278 w 1263"/>
                      <a:gd name="T35" fmla="*/ 1149 h 1266"/>
                      <a:gd name="T36" fmla="*/ 86 w 1263"/>
                      <a:gd name="T37" fmla="*/ 1013 h 1266"/>
                      <a:gd name="T38" fmla="*/ 54 w 1263"/>
                      <a:gd name="T39" fmla="*/ 979 h 1266"/>
                      <a:gd name="T40" fmla="*/ 120 w 1263"/>
                      <a:gd name="T41" fmla="*/ 980 h 1266"/>
                      <a:gd name="T42" fmla="*/ 291 w 1263"/>
                      <a:gd name="T43" fmla="*/ 126 h 1266"/>
                      <a:gd name="T44" fmla="*/ 325 w 1263"/>
                      <a:gd name="T45" fmla="*/ 93 h 1266"/>
                      <a:gd name="T46" fmla="*/ 1183 w 1263"/>
                      <a:gd name="T47" fmla="*/ 657 h 1266"/>
                      <a:gd name="T48" fmla="*/ 911 w 1263"/>
                      <a:gd name="T49" fmla="*/ 552 h 1266"/>
                      <a:gd name="T50" fmla="*/ 1183 w 1263"/>
                      <a:gd name="T51" fmla="*/ 600 h 1266"/>
                      <a:gd name="T52" fmla="*/ 1107 w 1263"/>
                      <a:gd name="T53" fmla="*/ 498 h 1266"/>
                      <a:gd name="T54" fmla="*/ 751 w 1263"/>
                      <a:gd name="T55" fmla="*/ 155 h 1266"/>
                      <a:gd name="T56" fmla="*/ 645 w 1263"/>
                      <a:gd name="T57" fmla="*/ 80 h 1266"/>
                      <a:gd name="T58" fmla="*/ 578 w 1263"/>
                      <a:gd name="T59" fmla="*/ 360 h 1266"/>
                      <a:gd name="T60" fmla="*/ 551 w 1263"/>
                      <a:gd name="T61" fmla="*/ 75 h 1266"/>
                      <a:gd name="T62" fmla="*/ 291 w 1263"/>
                      <a:gd name="T63" fmla="*/ 13 h 1266"/>
                      <a:gd name="T64" fmla="*/ 362 w 1263"/>
                      <a:gd name="T65" fmla="*/ 131 h 1266"/>
                      <a:gd name="T66" fmla="*/ 525 w 1263"/>
                      <a:gd name="T67" fmla="*/ 128 h 1266"/>
                      <a:gd name="T68" fmla="*/ 155 w 1263"/>
                      <a:gd name="T69" fmla="*/ 498 h 1266"/>
                      <a:gd name="T70" fmla="*/ 0 w 1263"/>
                      <a:gd name="T71" fmla="*/ 525 h 1266"/>
                      <a:gd name="T72" fmla="*/ 80 w 1263"/>
                      <a:gd name="T73" fmla="*/ 605 h 1266"/>
                      <a:gd name="T74" fmla="*/ 351 w 1263"/>
                      <a:gd name="T75" fmla="*/ 694 h 1266"/>
                      <a:gd name="T76" fmla="*/ 65 w 1263"/>
                      <a:gd name="T77" fmla="*/ 701 h 1266"/>
                      <a:gd name="T78" fmla="*/ 58 w 1263"/>
                      <a:gd name="T79" fmla="*/ 905 h 1266"/>
                      <a:gd name="T80" fmla="*/ 88 w 1263"/>
                      <a:gd name="T81" fmla="*/ 1053 h 1266"/>
                      <a:gd name="T82" fmla="*/ 145 w 1263"/>
                      <a:gd name="T83" fmla="*/ 923 h 1266"/>
                      <a:gd name="T84" fmla="*/ 342 w 1263"/>
                      <a:gd name="T85" fmla="*/ 746 h 1266"/>
                      <a:gd name="T86" fmla="*/ 512 w 1263"/>
                      <a:gd name="T87" fmla="*/ 924 h 1266"/>
                      <a:gd name="T88" fmla="*/ 357 w 1263"/>
                      <a:gd name="T89" fmla="*/ 1160 h 1266"/>
                      <a:gd name="T90" fmla="*/ 278 w 1263"/>
                      <a:gd name="T91" fmla="*/ 1104 h 1266"/>
                      <a:gd name="T92" fmla="*/ 278 w 1263"/>
                      <a:gd name="T93" fmla="*/ 1266 h 1266"/>
                      <a:gd name="T94" fmla="*/ 538 w 1263"/>
                      <a:gd name="T95" fmla="*/ 1213 h 1266"/>
                      <a:gd name="T96" fmla="*/ 565 w 1263"/>
                      <a:gd name="T97" fmla="*/ 1189 h 1266"/>
                      <a:gd name="T98" fmla="*/ 702 w 1263"/>
                      <a:gd name="T99" fmla="*/ 920 h 1266"/>
                      <a:gd name="T100" fmla="*/ 709 w 1263"/>
                      <a:gd name="T101" fmla="*/ 1205 h 1266"/>
                      <a:gd name="T102" fmla="*/ 909 w 1263"/>
                      <a:gd name="T103" fmla="*/ 1213 h 1266"/>
                      <a:gd name="T104" fmla="*/ 988 w 1263"/>
                      <a:gd name="T105" fmla="*/ 1266 h 1266"/>
                      <a:gd name="T106" fmla="*/ 988 w 1263"/>
                      <a:gd name="T107" fmla="*/ 1104 h 1266"/>
                      <a:gd name="T108" fmla="*/ 909 w 1263"/>
                      <a:gd name="T109" fmla="*/ 1160 h 1266"/>
                      <a:gd name="T110" fmla="*/ 755 w 1263"/>
                      <a:gd name="T111" fmla="*/ 923 h 1266"/>
                      <a:gd name="T112" fmla="*/ 1183 w 1263"/>
                      <a:gd name="T113" fmla="*/ 813 h 1266"/>
                      <a:gd name="T114" fmla="*/ 1183 w 1263"/>
                      <a:gd name="T115" fmla="*/ 657 h 1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263" h="1266">
                        <a:moveTo>
                          <a:pt x="1207" y="762"/>
                        </a:moveTo>
                        <a:lnTo>
                          <a:pt x="1207" y="762"/>
                        </a:lnTo>
                        <a:cubicBezTo>
                          <a:pt x="1200" y="768"/>
                          <a:pt x="1192" y="771"/>
                          <a:pt x="1183" y="771"/>
                        </a:cubicBezTo>
                        <a:cubicBezTo>
                          <a:pt x="1165" y="771"/>
                          <a:pt x="1150" y="756"/>
                          <a:pt x="1150" y="738"/>
                        </a:cubicBezTo>
                        <a:cubicBezTo>
                          <a:pt x="1150" y="729"/>
                          <a:pt x="1153" y="721"/>
                          <a:pt x="1160" y="715"/>
                        </a:cubicBezTo>
                        <a:cubicBezTo>
                          <a:pt x="1166" y="708"/>
                          <a:pt x="1174" y="705"/>
                          <a:pt x="1183" y="705"/>
                        </a:cubicBezTo>
                        <a:cubicBezTo>
                          <a:pt x="1202" y="705"/>
                          <a:pt x="1216" y="720"/>
                          <a:pt x="1216" y="738"/>
                        </a:cubicBezTo>
                        <a:cubicBezTo>
                          <a:pt x="1216" y="747"/>
                          <a:pt x="1213" y="755"/>
                          <a:pt x="1207" y="762"/>
                        </a:cubicBezTo>
                        <a:close/>
                        <a:moveTo>
                          <a:pt x="871" y="743"/>
                        </a:moveTo>
                        <a:lnTo>
                          <a:pt x="871" y="743"/>
                        </a:lnTo>
                        <a:cubicBezTo>
                          <a:pt x="871" y="819"/>
                          <a:pt x="810" y="880"/>
                          <a:pt x="735" y="880"/>
                        </a:cubicBezTo>
                        <a:lnTo>
                          <a:pt x="528" y="880"/>
                        </a:lnTo>
                        <a:cubicBezTo>
                          <a:pt x="453" y="880"/>
                          <a:pt x="391" y="819"/>
                          <a:pt x="391" y="743"/>
                        </a:cubicBezTo>
                        <a:lnTo>
                          <a:pt x="391" y="536"/>
                        </a:lnTo>
                        <a:cubicBezTo>
                          <a:pt x="391" y="461"/>
                          <a:pt x="453" y="400"/>
                          <a:pt x="528" y="400"/>
                        </a:cubicBezTo>
                        <a:lnTo>
                          <a:pt x="735" y="400"/>
                        </a:lnTo>
                        <a:cubicBezTo>
                          <a:pt x="810" y="400"/>
                          <a:pt x="871" y="461"/>
                          <a:pt x="871" y="536"/>
                        </a:cubicBezTo>
                        <a:lnTo>
                          <a:pt x="871" y="743"/>
                        </a:lnTo>
                        <a:close/>
                        <a:moveTo>
                          <a:pt x="83" y="558"/>
                        </a:moveTo>
                        <a:lnTo>
                          <a:pt x="83" y="558"/>
                        </a:lnTo>
                        <a:cubicBezTo>
                          <a:pt x="71" y="558"/>
                          <a:pt x="65" y="554"/>
                          <a:pt x="59" y="548"/>
                        </a:cubicBezTo>
                        <a:cubicBezTo>
                          <a:pt x="52" y="542"/>
                          <a:pt x="46" y="534"/>
                          <a:pt x="46" y="525"/>
                        </a:cubicBezTo>
                        <a:cubicBezTo>
                          <a:pt x="47" y="506"/>
                          <a:pt x="61" y="491"/>
                          <a:pt x="80" y="491"/>
                        </a:cubicBezTo>
                        <a:cubicBezTo>
                          <a:pt x="89" y="491"/>
                          <a:pt x="98" y="495"/>
                          <a:pt x="104" y="501"/>
                        </a:cubicBezTo>
                        <a:cubicBezTo>
                          <a:pt x="110" y="508"/>
                          <a:pt x="114" y="516"/>
                          <a:pt x="114" y="525"/>
                        </a:cubicBezTo>
                        <a:cubicBezTo>
                          <a:pt x="114" y="543"/>
                          <a:pt x="101" y="557"/>
                          <a:pt x="83" y="558"/>
                        </a:cubicBezTo>
                        <a:close/>
                        <a:moveTo>
                          <a:pt x="725" y="46"/>
                        </a:moveTo>
                        <a:lnTo>
                          <a:pt x="725" y="46"/>
                        </a:lnTo>
                        <a:cubicBezTo>
                          <a:pt x="743" y="46"/>
                          <a:pt x="758" y="61"/>
                          <a:pt x="758" y="80"/>
                        </a:cubicBezTo>
                        <a:cubicBezTo>
                          <a:pt x="758" y="98"/>
                          <a:pt x="743" y="113"/>
                          <a:pt x="725" y="113"/>
                        </a:cubicBezTo>
                        <a:cubicBezTo>
                          <a:pt x="706" y="113"/>
                          <a:pt x="691" y="98"/>
                          <a:pt x="691" y="80"/>
                        </a:cubicBezTo>
                        <a:cubicBezTo>
                          <a:pt x="691" y="61"/>
                          <a:pt x="706" y="46"/>
                          <a:pt x="725" y="46"/>
                        </a:cubicBezTo>
                        <a:close/>
                        <a:moveTo>
                          <a:pt x="1160" y="501"/>
                        </a:moveTo>
                        <a:lnTo>
                          <a:pt x="1160" y="501"/>
                        </a:lnTo>
                        <a:cubicBezTo>
                          <a:pt x="1166" y="495"/>
                          <a:pt x="1174" y="491"/>
                          <a:pt x="1183" y="491"/>
                        </a:cubicBezTo>
                        <a:cubicBezTo>
                          <a:pt x="1202" y="491"/>
                          <a:pt x="1216" y="506"/>
                          <a:pt x="1216" y="525"/>
                        </a:cubicBezTo>
                        <a:cubicBezTo>
                          <a:pt x="1216" y="534"/>
                          <a:pt x="1213" y="542"/>
                          <a:pt x="1207" y="548"/>
                        </a:cubicBezTo>
                        <a:cubicBezTo>
                          <a:pt x="1200" y="555"/>
                          <a:pt x="1192" y="558"/>
                          <a:pt x="1183" y="558"/>
                        </a:cubicBezTo>
                        <a:cubicBezTo>
                          <a:pt x="1165" y="558"/>
                          <a:pt x="1150" y="543"/>
                          <a:pt x="1150" y="525"/>
                        </a:cubicBezTo>
                        <a:cubicBezTo>
                          <a:pt x="1150" y="516"/>
                          <a:pt x="1153" y="508"/>
                          <a:pt x="1160" y="501"/>
                        </a:cubicBezTo>
                        <a:close/>
                        <a:moveTo>
                          <a:pt x="988" y="1150"/>
                        </a:moveTo>
                        <a:lnTo>
                          <a:pt x="988" y="1150"/>
                        </a:lnTo>
                        <a:cubicBezTo>
                          <a:pt x="997" y="1150"/>
                          <a:pt x="1006" y="1154"/>
                          <a:pt x="1012" y="1160"/>
                        </a:cubicBezTo>
                        <a:cubicBezTo>
                          <a:pt x="1019" y="1166"/>
                          <a:pt x="1023" y="1173"/>
                          <a:pt x="1023" y="1182"/>
                        </a:cubicBezTo>
                        <a:cubicBezTo>
                          <a:pt x="1023" y="1200"/>
                          <a:pt x="1005" y="1213"/>
                          <a:pt x="991" y="1213"/>
                        </a:cubicBezTo>
                        <a:lnTo>
                          <a:pt x="990" y="1213"/>
                        </a:lnTo>
                        <a:cubicBezTo>
                          <a:pt x="981" y="1213"/>
                          <a:pt x="971" y="1211"/>
                          <a:pt x="964" y="1205"/>
                        </a:cubicBezTo>
                        <a:cubicBezTo>
                          <a:pt x="958" y="1199"/>
                          <a:pt x="955" y="1191"/>
                          <a:pt x="955" y="1182"/>
                        </a:cubicBezTo>
                        <a:cubicBezTo>
                          <a:pt x="955" y="1164"/>
                          <a:pt x="970" y="1150"/>
                          <a:pt x="988" y="1150"/>
                        </a:cubicBezTo>
                        <a:close/>
                        <a:moveTo>
                          <a:pt x="275" y="1213"/>
                        </a:moveTo>
                        <a:lnTo>
                          <a:pt x="275" y="1213"/>
                        </a:lnTo>
                        <a:lnTo>
                          <a:pt x="271" y="1213"/>
                        </a:lnTo>
                        <a:cubicBezTo>
                          <a:pt x="258" y="1213"/>
                          <a:pt x="241" y="1200"/>
                          <a:pt x="241" y="1182"/>
                        </a:cubicBezTo>
                        <a:cubicBezTo>
                          <a:pt x="241" y="1163"/>
                          <a:pt x="259" y="1149"/>
                          <a:pt x="278" y="1149"/>
                        </a:cubicBezTo>
                        <a:cubicBezTo>
                          <a:pt x="296" y="1149"/>
                          <a:pt x="310" y="1163"/>
                          <a:pt x="310" y="1181"/>
                        </a:cubicBezTo>
                        <a:cubicBezTo>
                          <a:pt x="310" y="1199"/>
                          <a:pt x="293" y="1213"/>
                          <a:pt x="275" y="1213"/>
                        </a:cubicBezTo>
                        <a:close/>
                        <a:moveTo>
                          <a:pt x="86" y="1013"/>
                        </a:moveTo>
                        <a:lnTo>
                          <a:pt x="86" y="1013"/>
                        </a:lnTo>
                        <a:cubicBezTo>
                          <a:pt x="77" y="1013"/>
                          <a:pt x="70" y="1009"/>
                          <a:pt x="64" y="1003"/>
                        </a:cubicBezTo>
                        <a:cubicBezTo>
                          <a:pt x="58" y="997"/>
                          <a:pt x="54" y="988"/>
                          <a:pt x="54" y="979"/>
                        </a:cubicBezTo>
                        <a:cubicBezTo>
                          <a:pt x="55" y="961"/>
                          <a:pt x="69" y="946"/>
                          <a:pt x="88" y="946"/>
                        </a:cubicBezTo>
                        <a:cubicBezTo>
                          <a:pt x="97" y="946"/>
                          <a:pt x="104" y="950"/>
                          <a:pt x="111" y="956"/>
                        </a:cubicBezTo>
                        <a:cubicBezTo>
                          <a:pt x="117" y="962"/>
                          <a:pt x="120" y="971"/>
                          <a:pt x="120" y="980"/>
                        </a:cubicBezTo>
                        <a:cubicBezTo>
                          <a:pt x="120" y="998"/>
                          <a:pt x="112" y="1012"/>
                          <a:pt x="86" y="1013"/>
                        </a:cubicBezTo>
                        <a:close/>
                        <a:moveTo>
                          <a:pt x="291" y="126"/>
                        </a:moveTo>
                        <a:lnTo>
                          <a:pt x="291" y="126"/>
                        </a:lnTo>
                        <a:cubicBezTo>
                          <a:pt x="273" y="126"/>
                          <a:pt x="258" y="112"/>
                          <a:pt x="258" y="93"/>
                        </a:cubicBezTo>
                        <a:cubicBezTo>
                          <a:pt x="258" y="75"/>
                          <a:pt x="273" y="60"/>
                          <a:pt x="291" y="60"/>
                        </a:cubicBezTo>
                        <a:cubicBezTo>
                          <a:pt x="310" y="60"/>
                          <a:pt x="325" y="75"/>
                          <a:pt x="325" y="93"/>
                        </a:cubicBezTo>
                        <a:cubicBezTo>
                          <a:pt x="325" y="112"/>
                          <a:pt x="310" y="126"/>
                          <a:pt x="291" y="126"/>
                        </a:cubicBezTo>
                        <a:close/>
                        <a:moveTo>
                          <a:pt x="1183" y="657"/>
                        </a:moveTo>
                        <a:lnTo>
                          <a:pt x="1183" y="657"/>
                        </a:lnTo>
                        <a:cubicBezTo>
                          <a:pt x="1147" y="657"/>
                          <a:pt x="1115" y="680"/>
                          <a:pt x="1104" y="711"/>
                        </a:cubicBezTo>
                        <a:lnTo>
                          <a:pt x="911" y="712"/>
                        </a:lnTo>
                        <a:lnTo>
                          <a:pt x="911" y="552"/>
                        </a:lnTo>
                        <a:lnTo>
                          <a:pt x="1106" y="551"/>
                        </a:lnTo>
                        <a:cubicBezTo>
                          <a:pt x="1118" y="580"/>
                          <a:pt x="1149" y="600"/>
                          <a:pt x="1183" y="600"/>
                        </a:cubicBezTo>
                        <a:lnTo>
                          <a:pt x="1183" y="600"/>
                        </a:lnTo>
                        <a:cubicBezTo>
                          <a:pt x="1227" y="600"/>
                          <a:pt x="1263" y="566"/>
                          <a:pt x="1263" y="522"/>
                        </a:cubicBezTo>
                        <a:cubicBezTo>
                          <a:pt x="1263" y="478"/>
                          <a:pt x="1227" y="444"/>
                          <a:pt x="1183" y="444"/>
                        </a:cubicBezTo>
                        <a:cubicBezTo>
                          <a:pt x="1147" y="444"/>
                          <a:pt x="1117" y="466"/>
                          <a:pt x="1107" y="498"/>
                        </a:cubicBezTo>
                        <a:lnTo>
                          <a:pt x="912" y="498"/>
                        </a:lnTo>
                        <a:cubicBezTo>
                          <a:pt x="895" y="422"/>
                          <a:pt x="831" y="364"/>
                          <a:pt x="751" y="356"/>
                        </a:cubicBezTo>
                        <a:lnTo>
                          <a:pt x="751" y="155"/>
                        </a:lnTo>
                        <a:cubicBezTo>
                          <a:pt x="783" y="144"/>
                          <a:pt x="805" y="115"/>
                          <a:pt x="805" y="80"/>
                        </a:cubicBezTo>
                        <a:cubicBezTo>
                          <a:pt x="805" y="36"/>
                          <a:pt x="769" y="0"/>
                          <a:pt x="725" y="0"/>
                        </a:cubicBezTo>
                        <a:cubicBezTo>
                          <a:pt x="681" y="0"/>
                          <a:pt x="645" y="36"/>
                          <a:pt x="645" y="80"/>
                        </a:cubicBezTo>
                        <a:cubicBezTo>
                          <a:pt x="645" y="115"/>
                          <a:pt x="667" y="144"/>
                          <a:pt x="698" y="155"/>
                        </a:cubicBezTo>
                        <a:lnTo>
                          <a:pt x="698" y="360"/>
                        </a:lnTo>
                        <a:lnTo>
                          <a:pt x="578" y="360"/>
                        </a:lnTo>
                        <a:lnTo>
                          <a:pt x="578" y="101"/>
                        </a:lnTo>
                        <a:cubicBezTo>
                          <a:pt x="578" y="94"/>
                          <a:pt x="575" y="88"/>
                          <a:pt x="570" y="83"/>
                        </a:cubicBezTo>
                        <a:cubicBezTo>
                          <a:pt x="565" y="78"/>
                          <a:pt x="559" y="75"/>
                          <a:pt x="551" y="75"/>
                        </a:cubicBezTo>
                        <a:lnTo>
                          <a:pt x="370" y="77"/>
                        </a:lnTo>
                        <a:cubicBezTo>
                          <a:pt x="370" y="77"/>
                          <a:pt x="370" y="77"/>
                          <a:pt x="370" y="77"/>
                        </a:cubicBezTo>
                        <a:cubicBezTo>
                          <a:pt x="362" y="41"/>
                          <a:pt x="330" y="13"/>
                          <a:pt x="291" y="13"/>
                        </a:cubicBezTo>
                        <a:cubicBezTo>
                          <a:pt x="247" y="13"/>
                          <a:pt x="211" y="49"/>
                          <a:pt x="211" y="93"/>
                        </a:cubicBezTo>
                        <a:cubicBezTo>
                          <a:pt x="211" y="137"/>
                          <a:pt x="247" y="173"/>
                          <a:pt x="291" y="173"/>
                        </a:cubicBezTo>
                        <a:cubicBezTo>
                          <a:pt x="322" y="173"/>
                          <a:pt x="348" y="156"/>
                          <a:pt x="362" y="131"/>
                        </a:cubicBezTo>
                        <a:cubicBezTo>
                          <a:pt x="364" y="132"/>
                          <a:pt x="367" y="133"/>
                          <a:pt x="370" y="133"/>
                        </a:cubicBezTo>
                        <a:lnTo>
                          <a:pt x="371" y="133"/>
                        </a:lnTo>
                        <a:lnTo>
                          <a:pt x="525" y="128"/>
                        </a:lnTo>
                        <a:lnTo>
                          <a:pt x="525" y="355"/>
                        </a:lnTo>
                        <a:cubicBezTo>
                          <a:pt x="440" y="357"/>
                          <a:pt x="369" y="418"/>
                          <a:pt x="351" y="498"/>
                        </a:cubicBezTo>
                        <a:lnTo>
                          <a:pt x="155" y="498"/>
                        </a:lnTo>
                        <a:cubicBezTo>
                          <a:pt x="151" y="487"/>
                          <a:pt x="145" y="477"/>
                          <a:pt x="136" y="468"/>
                        </a:cubicBezTo>
                        <a:cubicBezTo>
                          <a:pt x="121" y="453"/>
                          <a:pt x="101" y="445"/>
                          <a:pt x="80" y="445"/>
                        </a:cubicBezTo>
                        <a:cubicBezTo>
                          <a:pt x="36" y="445"/>
                          <a:pt x="0" y="481"/>
                          <a:pt x="0" y="525"/>
                        </a:cubicBezTo>
                        <a:cubicBezTo>
                          <a:pt x="0" y="546"/>
                          <a:pt x="8" y="566"/>
                          <a:pt x="23" y="581"/>
                        </a:cubicBezTo>
                        <a:cubicBezTo>
                          <a:pt x="38" y="596"/>
                          <a:pt x="58" y="605"/>
                          <a:pt x="80" y="605"/>
                        </a:cubicBezTo>
                        <a:lnTo>
                          <a:pt x="80" y="605"/>
                        </a:lnTo>
                        <a:cubicBezTo>
                          <a:pt x="115" y="605"/>
                          <a:pt x="147" y="582"/>
                          <a:pt x="158" y="551"/>
                        </a:cubicBezTo>
                        <a:lnTo>
                          <a:pt x="351" y="552"/>
                        </a:lnTo>
                        <a:lnTo>
                          <a:pt x="351" y="694"/>
                        </a:lnTo>
                        <a:cubicBezTo>
                          <a:pt x="351" y="694"/>
                          <a:pt x="346" y="694"/>
                          <a:pt x="345" y="694"/>
                        </a:cubicBezTo>
                        <a:lnTo>
                          <a:pt x="85" y="693"/>
                        </a:lnTo>
                        <a:cubicBezTo>
                          <a:pt x="78" y="693"/>
                          <a:pt x="70" y="696"/>
                          <a:pt x="65" y="701"/>
                        </a:cubicBezTo>
                        <a:cubicBezTo>
                          <a:pt x="60" y="706"/>
                          <a:pt x="57" y="714"/>
                          <a:pt x="57" y="721"/>
                        </a:cubicBezTo>
                        <a:lnTo>
                          <a:pt x="58" y="904"/>
                        </a:lnTo>
                        <a:lnTo>
                          <a:pt x="58" y="905"/>
                        </a:lnTo>
                        <a:cubicBezTo>
                          <a:pt x="31" y="916"/>
                          <a:pt x="8" y="944"/>
                          <a:pt x="8" y="978"/>
                        </a:cubicBezTo>
                        <a:cubicBezTo>
                          <a:pt x="8" y="999"/>
                          <a:pt x="16" y="1018"/>
                          <a:pt x="31" y="1033"/>
                        </a:cubicBezTo>
                        <a:cubicBezTo>
                          <a:pt x="46" y="1048"/>
                          <a:pt x="66" y="1053"/>
                          <a:pt x="88" y="1053"/>
                        </a:cubicBezTo>
                        <a:lnTo>
                          <a:pt x="88" y="1053"/>
                        </a:lnTo>
                        <a:cubicBezTo>
                          <a:pt x="132" y="1053"/>
                          <a:pt x="168" y="1020"/>
                          <a:pt x="168" y="976"/>
                        </a:cubicBezTo>
                        <a:cubicBezTo>
                          <a:pt x="168" y="955"/>
                          <a:pt x="160" y="938"/>
                          <a:pt x="145" y="923"/>
                        </a:cubicBezTo>
                        <a:cubicBezTo>
                          <a:pt x="135" y="913"/>
                          <a:pt x="124" y="906"/>
                          <a:pt x="111" y="902"/>
                        </a:cubicBezTo>
                        <a:lnTo>
                          <a:pt x="110" y="746"/>
                        </a:lnTo>
                        <a:lnTo>
                          <a:pt x="342" y="746"/>
                        </a:lnTo>
                        <a:lnTo>
                          <a:pt x="342" y="746"/>
                        </a:lnTo>
                        <a:cubicBezTo>
                          <a:pt x="344" y="746"/>
                          <a:pt x="345" y="746"/>
                          <a:pt x="347" y="746"/>
                        </a:cubicBezTo>
                        <a:cubicBezTo>
                          <a:pt x="349" y="839"/>
                          <a:pt x="421" y="915"/>
                          <a:pt x="512" y="924"/>
                        </a:cubicBezTo>
                        <a:cubicBezTo>
                          <a:pt x="511" y="926"/>
                          <a:pt x="510" y="929"/>
                          <a:pt x="510" y="931"/>
                        </a:cubicBezTo>
                        <a:lnTo>
                          <a:pt x="511" y="1161"/>
                        </a:lnTo>
                        <a:lnTo>
                          <a:pt x="357" y="1160"/>
                        </a:lnTo>
                        <a:lnTo>
                          <a:pt x="357" y="1160"/>
                        </a:lnTo>
                        <a:cubicBezTo>
                          <a:pt x="356" y="1160"/>
                          <a:pt x="355" y="1160"/>
                          <a:pt x="354" y="1160"/>
                        </a:cubicBezTo>
                        <a:cubicBezTo>
                          <a:pt x="343" y="1128"/>
                          <a:pt x="313" y="1104"/>
                          <a:pt x="278" y="1104"/>
                        </a:cubicBezTo>
                        <a:cubicBezTo>
                          <a:pt x="234" y="1104"/>
                          <a:pt x="198" y="1141"/>
                          <a:pt x="198" y="1185"/>
                        </a:cubicBezTo>
                        <a:cubicBezTo>
                          <a:pt x="198" y="1229"/>
                          <a:pt x="234" y="1266"/>
                          <a:pt x="278" y="1266"/>
                        </a:cubicBezTo>
                        <a:lnTo>
                          <a:pt x="278" y="1266"/>
                        </a:lnTo>
                        <a:cubicBezTo>
                          <a:pt x="313" y="1266"/>
                          <a:pt x="342" y="1244"/>
                          <a:pt x="353" y="1213"/>
                        </a:cubicBezTo>
                        <a:cubicBezTo>
                          <a:pt x="354" y="1213"/>
                          <a:pt x="355" y="1213"/>
                          <a:pt x="357" y="1213"/>
                        </a:cubicBezTo>
                        <a:lnTo>
                          <a:pt x="538" y="1213"/>
                        </a:lnTo>
                        <a:lnTo>
                          <a:pt x="538" y="1213"/>
                        </a:lnTo>
                        <a:cubicBezTo>
                          <a:pt x="545" y="1213"/>
                          <a:pt x="552" y="1212"/>
                          <a:pt x="557" y="1207"/>
                        </a:cubicBezTo>
                        <a:cubicBezTo>
                          <a:pt x="562" y="1202"/>
                          <a:pt x="565" y="1196"/>
                          <a:pt x="565" y="1189"/>
                        </a:cubicBezTo>
                        <a:lnTo>
                          <a:pt x="564" y="929"/>
                        </a:lnTo>
                        <a:cubicBezTo>
                          <a:pt x="564" y="926"/>
                          <a:pt x="563" y="933"/>
                          <a:pt x="563" y="920"/>
                        </a:cubicBezTo>
                        <a:lnTo>
                          <a:pt x="702" y="920"/>
                        </a:lnTo>
                        <a:cubicBezTo>
                          <a:pt x="702" y="920"/>
                          <a:pt x="702" y="925"/>
                          <a:pt x="702" y="927"/>
                        </a:cubicBezTo>
                        <a:lnTo>
                          <a:pt x="701" y="1186"/>
                        </a:lnTo>
                        <a:cubicBezTo>
                          <a:pt x="701" y="1193"/>
                          <a:pt x="704" y="1200"/>
                          <a:pt x="709" y="1205"/>
                        </a:cubicBezTo>
                        <a:cubicBezTo>
                          <a:pt x="714" y="1210"/>
                          <a:pt x="721" y="1213"/>
                          <a:pt x="728" y="1213"/>
                        </a:cubicBezTo>
                        <a:lnTo>
                          <a:pt x="728" y="1213"/>
                        </a:lnTo>
                        <a:lnTo>
                          <a:pt x="909" y="1213"/>
                        </a:lnTo>
                        <a:cubicBezTo>
                          <a:pt x="910" y="1213"/>
                          <a:pt x="912" y="1213"/>
                          <a:pt x="913" y="1213"/>
                        </a:cubicBezTo>
                        <a:cubicBezTo>
                          <a:pt x="917" y="1223"/>
                          <a:pt x="923" y="1233"/>
                          <a:pt x="931" y="1241"/>
                        </a:cubicBezTo>
                        <a:cubicBezTo>
                          <a:pt x="946" y="1257"/>
                          <a:pt x="966" y="1266"/>
                          <a:pt x="988" y="1266"/>
                        </a:cubicBezTo>
                        <a:lnTo>
                          <a:pt x="988" y="1266"/>
                        </a:lnTo>
                        <a:cubicBezTo>
                          <a:pt x="1032" y="1266"/>
                          <a:pt x="1068" y="1229"/>
                          <a:pt x="1068" y="1185"/>
                        </a:cubicBezTo>
                        <a:cubicBezTo>
                          <a:pt x="1068" y="1141"/>
                          <a:pt x="1032" y="1104"/>
                          <a:pt x="988" y="1104"/>
                        </a:cubicBezTo>
                        <a:cubicBezTo>
                          <a:pt x="952" y="1104"/>
                          <a:pt x="922" y="1128"/>
                          <a:pt x="912" y="1160"/>
                        </a:cubicBezTo>
                        <a:cubicBezTo>
                          <a:pt x="911" y="1160"/>
                          <a:pt x="910" y="1160"/>
                          <a:pt x="909" y="1160"/>
                        </a:cubicBezTo>
                        <a:lnTo>
                          <a:pt x="909" y="1160"/>
                        </a:lnTo>
                        <a:lnTo>
                          <a:pt x="755" y="1161"/>
                        </a:lnTo>
                        <a:lnTo>
                          <a:pt x="755" y="929"/>
                        </a:lnTo>
                        <a:cubicBezTo>
                          <a:pt x="755" y="927"/>
                          <a:pt x="755" y="925"/>
                          <a:pt x="755" y="923"/>
                        </a:cubicBezTo>
                        <a:cubicBezTo>
                          <a:pt x="838" y="914"/>
                          <a:pt x="904" y="848"/>
                          <a:pt x="915" y="765"/>
                        </a:cubicBezTo>
                        <a:lnTo>
                          <a:pt x="1109" y="765"/>
                        </a:lnTo>
                        <a:cubicBezTo>
                          <a:pt x="1121" y="794"/>
                          <a:pt x="1149" y="813"/>
                          <a:pt x="1183" y="813"/>
                        </a:cubicBezTo>
                        <a:lnTo>
                          <a:pt x="1183" y="813"/>
                        </a:lnTo>
                        <a:cubicBezTo>
                          <a:pt x="1227" y="813"/>
                          <a:pt x="1263" y="779"/>
                          <a:pt x="1263" y="735"/>
                        </a:cubicBezTo>
                        <a:cubicBezTo>
                          <a:pt x="1263" y="691"/>
                          <a:pt x="1227" y="657"/>
                          <a:pt x="1183" y="657"/>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grpSp>
        </p:grpSp>
      </p:grpSp>
    </p:spTree>
    <p:custDataLst>
      <p:tags r:id="rId1"/>
    </p:custDataLst>
    <p:extLst>
      <p:ext uri="{BB962C8B-B14F-4D97-AF65-F5344CB8AC3E}">
        <p14:creationId xmlns:p14="http://schemas.microsoft.com/office/powerpoint/2010/main" val="3409784235"/>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Step 2: Key General Questions</a:t>
            </a:r>
          </a:p>
        </p:txBody>
      </p:sp>
      <p:sp>
        <p:nvSpPr>
          <p:cNvPr id="11" name="Content Placeholder 10">
            <a:extLst>
              <a:ext uri="{FF2B5EF4-FFF2-40B4-BE49-F238E27FC236}">
                <a16:creationId xmlns:a16="http://schemas.microsoft.com/office/drawing/2014/main" id="{086BDD96-25E6-4B26-BDEB-9B91106446FF}"/>
              </a:ext>
            </a:extLst>
          </p:cNvPr>
          <p:cNvSpPr txBox="1">
            <a:spLocks/>
          </p:cNvSpPr>
          <p:nvPr/>
        </p:nvSpPr>
        <p:spPr>
          <a:xfrm>
            <a:off x="743599" y="2920945"/>
            <a:ext cx="3191256" cy="4590288"/>
          </a:xfrm>
          <a:prstGeom prst="rect">
            <a:avLst/>
          </a:prstGeom>
        </p:spPr>
        <p:txBody>
          <a:bodyPr vert="horz" wrap="square" lIns="0" tIns="0" rIns="0" bIns="0" rtlCol="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mplitudeTF" panose="02000506050000020004" pitchFamily="50"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ctr">
              <a:lnSpc>
                <a:spcPct val="100000"/>
              </a:lnSpc>
              <a:spcBef>
                <a:spcPts val="0"/>
              </a:spcBef>
            </a:pPr>
            <a:r>
              <a:rPr lang="en-US" sz="3200" b="1" dirty="0">
                <a:solidFill>
                  <a:schemeClr val="accent1"/>
                </a:solidFill>
              </a:rPr>
              <a:t>General</a:t>
            </a:r>
          </a:p>
        </p:txBody>
      </p:sp>
      <p:sp>
        <p:nvSpPr>
          <p:cNvPr id="20" name="Freeform 31">
            <a:extLst>
              <a:ext uri="{FF2B5EF4-FFF2-40B4-BE49-F238E27FC236}">
                <a16:creationId xmlns:a16="http://schemas.microsoft.com/office/drawing/2014/main" id="{EE84AA0F-2D46-489D-B9C3-5154C8D9961E}"/>
              </a:ext>
            </a:extLst>
          </p:cNvPr>
          <p:cNvSpPr/>
          <p:nvPr/>
        </p:nvSpPr>
        <p:spPr>
          <a:xfrm flipV="1">
            <a:off x="1231402" y="3666858"/>
            <a:ext cx="2215650" cy="2121008"/>
          </a:xfrm>
          <a:custGeom>
            <a:avLst/>
            <a:gdLst>
              <a:gd name="connsiteX0" fmla="*/ 178691 w 1698625"/>
              <a:gd name="connsiteY0" fmla="*/ 1521255 h 1521255"/>
              <a:gd name="connsiteX1" fmla="*/ 1519934 w 1698625"/>
              <a:gd name="connsiteY1" fmla="*/ 1521255 h 1521255"/>
              <a:gd name="connsiteX2" fmla="*/ 1698625 w 1698625"/>
              <a:gd name="connsiteY2" fmla="*/ 1342564 h 1521255"/>
              <a:gd name="connsiteX3" fmla="*/ 1698625 w 1698625"/>
              <a:gd name="connsiteY3" fmla="*/ 456362 h 1521255"/>
              <a:gd name="connsiteX4" fmla="*/ 1519934 w 1698625"/>
              <a:gd name="connsiteY4" fmla="*/ 277671 h 1521255"/>
              <a:gd name="connsiteX5" fmla="*/ 718204 w 1698625"/>
              <a:gd name="connsiteY5" fmla="*/ 277671 h 1521255"/>
              <a:gd name="connsiteX6" fmla="*/ 317500 w 1698625"/>
              <a:gd name="connsiteY6" fmla="*/ 0 h 1521255"/>
              <a:gd name="connsiteX7" fmla="*/ 317500 w 1698625"/>
              <a:gd name="connsiteY7" fmla="*/ 277671 h 1521255"/>
              <a:gd name="connsiteX8" fmla="*/ 178691 w 1698625"/>
              <a:gd name="connsiteY8" fmla="*/ 277671 h 1521255"/>
              <a:gd name="connsiteX9" fmla="*/ 0 w 1698625"/>
              <a:gd name="connsiteY9" fmla="*/ 456362 h 1521255"/>
              <a:gd name="connsiteX10" fmla="*/ 0 w 1698625"/>
              <a:gd name="connsiteY10" fmla="*/ 1342564 h 1521255"/>
              <a:gd name="connsiteX11" fmla="*/ 178691 w 1698625"/>
              <a:gd name="connsiteY11" fmla="*/ 1521255 h 152125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698625" h="1521255">
                <a:moveTo>
                  <a:pt x="178691" y="1521255"/>
                </a:moveTo>
                <a:lnTo>
                  <a:pt x="1519934" y="1521255"/>
                </a:lnTo>
                <a:cubicBezTo>
                  <a:pt x="1618622" y="1521255"/>
                  <a:pt x="1698625" y="1441252"/>
                  <a:pt x="1698625" y="1342564"/>
                </a:cubicBezTo>
                <a:lnTo>
                  <a:pt x="1698625" y="456362"/>
                </a:lnTo>
                <a:cubicBezTo>
                  <a:pt x="1698625" y="357674"/>
                  <a:pt x="1618622" y="277671"/>
                  <a:pt x="1519934" y="277671"/>
                </a:cubicBezTo>
                <a:lnTo>
                  <a:pt x="718204" y="277671"/>
                </a:lnTo>
                <a:lnTo>
                  <a:pt x="317500" y="0"/>
                </a:lnTo>
                <a:lnTo>
                  <a:pt x="317500" y="277671"/>
                </a:lnTo>
                <a:lnTo>
                  <a:pt x="178691" y="277671"/>
                </a:lnTo>
                <a:cubicBezTo>
                  <a:pt x="80003" y="277671"/>
                  <a:pt x="0" y="357674"/>
                  <a:pt x="0" y="456362"/>
                </a:cubicBezTo>
                <a:lnTo>
                  <a:pt x="0" y="1342564"/>
                </a:lnTo>
                <a:cubicBezTo>
                  <a:pt x="0" y="1441252"/>
                  <a:pt x="80003" y="1521255"/>
                  <a:pt x="178691" y="1521255"/>
                </a:cubicBezTo>
                <a:close/>
              </a:path>
            </a:pathLst>
          </a:custGeom>
          <a:solidFill>
            <a:schemeClr val="bg1"/>
          </a:solidFill>
          <a:ln w="50800">
            <a:solidFill>
              <a:srgbClr val="91BCD9"/>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1" name="TextBox 20">
            <a:extLst>
              <a:ext uri="{FF2B5EF4-FFF2-40B4-BE49-F238E27FC236}">
                <a16:creationId xmlns:a16="http://schemas.microsoft.com/office/drawing/2014/main" id="{34E4AD71-149F-438B-9978-CC2BA8988336}"/>
              </a:ext>
            </a:extLst>
          </p:cNvPr>
          <p:cNvSpPr txBox="1"/>
          <p:nvPr/>
        </p:nvSpPr>
        <p:spPr>
          <a:xfrm>
            <a:off x="1146463" y="3933107"/>
            <a:ext cx="2459009" cy="1036053"/>
          </a:xfrm>
          <a:prstGeom prst="rect">
            <a:avLst/>
          </a:prstGeom>
          <a:noFill/>
        </p:spPr>
        <p:txBody>
          <a:bodyPr vert="horz" wrap="square" lIns="91440" tIns="45720" rIns="91440" bIns="45720" rtlCol="0" anchor="t">
            <a:spAutoFit/>
          </a:bodyPr>
          <a:lstStyle/>
          <a:p>
            <a:pPr algn="ctr">
              <a:lnSpc>
                <a:spcPct val="110000"/>
              </a:lnSpc>
            </a:pPr>
            <a:r>
              <a:rPr lang="en-US" sz="6000" b="1" i="0" dirty="0">
                <a:solidFill>
                  <a:schemeClr val="accent1"/>
                </a:solidFill>
                <a:latin typeface="Bookman Old Style" panose="02050604050505020204" pitchFamily="18" charset="0"/>
              </a:rPr>
              <a:t>i</a:t>
            </a:r>
          </a:p>
        </p:txBody>
      </p:sp>
      <p:graphicFrame>
        <p:nvGraphicFramePr>
          <p:cNvPr id="13" name="Content Placeholder 12">
            <a:extLst>
              <a:ext uri="{FF2B5EF4-FFF2-40B4-BE49-F238E27FC236}">
                <a16:creationId xmlns:a16="http://schemas.microsoft.com/office/drawing/2014/main" id="{D60CCE65-AA51-4D13-91AB-97DC286E8DD5}"/>
              </a:ext>
            </a:extLst>
          </p:cNvPr>
          <p:cNvGraphicFramePr>
            <a:graphicFrameLocks noGrp="1"/>
          </p:cNvGraphicFramePr>
          <p:nvPr>
            <p:ph sz="quarter" idx="12"/>
            <p:extLst>
              <p:ext uri="{D42A27DB-BD31-4B8C-83A1-F6EECF244321}">
                <p14:modId xmlns:p14="http://schemas.microsoft.com/office/powerpoint/2010/main" val="75378490"/>
              </p:ext>
            </p:extLst>
          </p:nvPr>
        </p:nvGraphicFramePr>
        <p:xfrm>
          <a:off x="4422658" y="2437591"/>
          <a:ext cx="9694395" cy="402708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custDataLst>
      <p:tags r:id="rId1"/>
    </p:custDataLst>
    <p:extLst>
      <p:ext uri="{BB962C8B-B14F-4D97-AF65-F5344CB8AC3E}">
        <p14:creationId xmlns:p14="http://schemas.microsoft.com/office/powerpoint/2010/main" val="279294252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Step 2: Key Product Questions</a:t>
            </a:r>
          </a:p>
        </p:txBody>
      </p:sp>
      <p:sp>
        <p:nvSpPr>
          <p:cNvPr id="11" name="Content Placeholder 10">
            <a:extLst>
              <a:ext uri="{FF2B5EF4-FFF2-40B4-BE49-F238E27FC236}">
                <a16:creationId xmlns:a16="http://schemas.microsoft.com/office/drawing/2014/main" id="{086BDD96-25E6-4B26-BDEB-9B91106446FF}"/>
              </a:ext>
            </a:extLst>
          </p:cNvPr>
          <p:cNvSpPr txBox="1">
            <a:spLocks/>
          </p:cNvSpPr>
          <p:nvPr/>
        </p:nvSpPr>
        <p:spPr>
          <a:xfrm>
            <a:off x="743599" y="2920945"/>
            <a:ext cx="3191256" cy="4590288"/>
          </a:xfrm>
          <a:prstGeom prst="rect">
            <a:avLst/>
          </a:prstGeom>
        </p:spPr>
        <p:txBody>
          <a:bodyPr vert="horz" wrap="square" lIns="0" tIns="0" rIns="0" bIns="0" rtlCol="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mplitudeTF" panose="02000506050000020004" pitchFamily="50"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ctr">
              <a:lnSpc>
                <a:spcPct val="100000"/>
              </a:lnSpc>
              <a:spcBef>
                <a:spcPts val="0"/>
              </a:spcBef>
            </a:pPr>
            <a:r>
              <a:rPr lang="en-US" sz="3200" b="1" dirty="0">
                <a:solidFill>
                  <a:schemeClr val="accent1"/>
                </a:solidFill>
              </a:rPr>
              <a:t>Product</a:t>
            </a:r>
          </a:p>
        </p:txBody>
      </p:sp>
      <p:grpSp>
        <p:nvGrpSpPr>
          <p:cNvPr id="23" name="Group 22">
            <a:extLst>
              <a:ext uri="{FF2B5EF4-FFF2-40B4-BE49-F238E27FC236}">
                <a16:creationId xmlns:a16="http://schemas.microsoft.com/office/drawing/2014/main" id="{5B8D0F9C-6E45-4938-9D29-7582E13369A6}"/>
              </a:ext>
            </a:extLst>
          </p:cNvPr>
          <p:cNvGrpSpPr/>
          <p:nvPr/>
        </p:nvGrpSpPr>
        <p:grpSpPr>
          <a:xfrm>
            <a:off x="1585529" y="3644327"/>
            <a:ext cx="1486737" cy="2291252"/>
            <a:chOff x="1243170" y="2103438"/>
            <a:chExt cx="2283801" cy="4192611"/>
          </a:xfrm>
        </p:grpSpPr>
        <p:sp>
          <p:nvSpPr>
            <p:cNvPr id="24" name="Oval 23">
              <a:extLst>
                <a:ext uri="{FF2B5EF4-FFF2-40B4-BE49-F238E27FC236}">
                  <a16:creationId xmlns:a16="http://schemas.microsoft.com/office/drawing/2014/main" id="{42CF59EA-688B-49A3-8C61-70867C4D3146}"/>
                </a:ext>
              </a:extLst>
            </p:cNvPr>
            <p:cNvSpPr/>
            <p:nvPr/>
          </p:nvSpPr>
          <p:spPr>
            <a:xfrm>
              <a:off x="1243170" y="5898910"/>
              <a:ext cx="2283801" cy="397139"/>
            </a:xfrm>
            <a:prstGeom prst="ellipse">
              <a:avLst/>
            </a:prstGeom>
            <a:solidFill>
              <a:schemeClr val="tx2"/>
            </a:solidFill>
            <a:ln w="9525">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25" name="Group 24">
              <a:extLst>
                <a:ext uri="{FF2B5EF4-FFF2-40B4-BE49-F238E27FC236}">
                  <a16:creationId xmlns:a16="http://schemas.microsoft.com/office/drawing/2014/main" id="{3AB19224-F13E-4781-A8A5-81AF342120E0}"/>
                </a:ext>
              </a:extLst>
            </p:cNvPr>
            <p:cNvGrpSpPr/>
            <p:nvPr/>
          </p:nvGrpSpPr>
          <p:grpSpPr>
            <a:xfrm>
              <a:off x="1445089" y="2103438"/>
              <a:ext cx="1879962" cy="4011653"/>
              <a:chOff x="1442035" y="2103438"/>
              <a:chExt cx="1879962" cy="4011653"/>
            </a:xfrm>
          </p:grpSpPr>
          <p:sp>
            <p:nvSpPr>
              <p:cNvPr id="26" name="Rounded Rectangle 55">
                <a:extLst>
                  <a:ext uri="{FF2B5EF4-FFF2-40B4-BE49-F238E27FC236}">
                    <a16:creationId xmlns:a16="http://schemas.microsoft.com/office/drawing/2014/main" id="{DA0106E6-BB2A-4724-9D35-E76E0C2CBBFA}"/>
                  </a:ext>
                </a:extLst>
              </p:cNvPr>
              <p:cNvSpPr/>
              <p:nvPr/>
            </p:nvSpPr>
            <p:spPr>
              <a:xfrm>
                <a:off x="1442035" y="2103438"/>
                <a:ext cx="1879962" cy="4011653"/>
              </a:xfrm>
              <a:prstGeom prst="roundRect">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7" name="Rectangle 26">
                <a:extLst>
                  <a:ext uri="{FF2B5EF4-FFF2-40B4-BE49-F238E27FC236}">
                    <a16:creationId xmlns:a16="http://schemas.microsoft.com/office/drawing/2014/main" id="{9B7E1369-FD2C-4D64-A510-65F4C3746808}"/>
                  </a:ext>
                </a:extLst>
              </p:cNvPr>
              <p:cNvSpPr/>
              <p:nvPr/>
            </p:nvSpPr>
            <p:spPr>
              <a:xfrm>
                <a:off x="1565645" y="2690932"/>
                <a:ext cx="1632743" cy="2836664"/>
              </a:xfrm>
              <a:prstGeom prst="rect">
                <a:avLst/>
              </a:prstGeom>
              <a:solidFill>
                <a:srgbClr val="ECECEC"/>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8" name="Rounded Rectangle 3">
                <a:extLst>
                  <a:ext uri="{FF2B5EF4-FFF2-40B4-BE49-F238E27FC236}">
                    <a16:creationId xmlns:a16="http://schemas.microsoft.com/office/drawing/2014/main" id="{AEBEF9FD-5313-401A-BE78-D5A23C9CF63E}"/>
                  </a:ext>
                </a:extLst>
              </p:cNvPr>
              <p:cNvSpPr/>
              <p:nvPr/>
            </p:nvSpPr>
            <p:spPr>
              <a:xfrm>
                <a:off x="1735127" y="2871891"/>
                <a:ext cx="1293779" cy="2474746"/>
              </a:xfrm>
              <a:prstGeom prst="roundRect">
                <a:avLst/>
              </a:prstGeom>
              <a:solidFill>
                <a:schemeClr val="bg1">
                  <a:lumMod val="85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9" name="Rounded Rectangle 57">
                <a:extLst>
                  <a:ext uri="{FF2B5EF4-FFF2-40B4-BE49-F238E27FC236}">
                    <a16:creationId xmlns:a16="http://schemas.microsoft.com/office/drawing/2014/main" id="{30330B21-5C26-46C8-BA9B-76211AC65963}"/>
                  </a:ext>
                </a:extLst>
              </p:cNvPr>
              <p:cNvSpPr/>
              <p:nvPr/>
            </p:nvSpPr>
            <p:spPr>
              <a:xfrm>
                <a:off x="2246485" y="2390023"/>
                <a:ext cx="392906" cy="73819"/>
              </a:xfrm>
              <a:prstGeom prst="roundRect">
                <a:avLst>
                  <a:gd name="adj" fmla="val 50000"/>
                </a:avLst>
              </a:prstGeom>
              <a:solidFill>
                <a:srgbClr val="A5ADB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0" name="Oval 29">
                <a:extLst>
                  <a:ext uri="{FF2B5EF4-FFF2-40B4-BE49-F238E27FC236}">
                    <a16:creationId xmlns:a16="http://schemas.microsoft.com/office/drawing/2014/main" id="{98BAF114-21CC-4F79-BD9F-1CC45455F2DE}"/>
                  </a:ext>
                </a:extLst>
              </p:cNvPr>
              <p:cNvSpPr/>
              <p:nvPr/>
            </p:nvSpPr>
            <p:spPr>
              <a:xfrm>
                <a:off x="2087331" y="2390023"/>
                <a:ext cx="73819" cy="73819"/>
              </a:xfrm>
              <a:prstGeom prst="ellipse">
                <a:avLst/>
              </a:prstGeom>
              <a:solidFill>
                <a:srgbClr val="A5ADB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1" name="Oval 30">
                <a:extLst>
                  <a:ext uri="{FF2B5EF4-FFF2-40B4-BE49-F238E27FC236}">
                    <a16:creationId xmlns:a16="http://schemas.microsoft.com/office/drawing/2014/main" id="{FF5915E5-2A99-44E4-BA5C-C4FAB023139E}"/>
                  </a:ext>
                </a:extLst>
              </p:cNvPr>
              <p:cNvSpPr/>
              <p:nvPr/>
            </p:nvSpPr>
            <p:spPr>
              <a:xfrm>
                <a:off x="2244499" y="5679540"/>
                <a:ext cx="275035" cy="275035"/>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grpSp>
      <p:grpSp>
        <p:nvGrpSpPr>
          <p:cNvPr id="32" name="Group 31">
            <a:extLst>
              <a:ext uri="{FF2B5EF4-FFF2-40B4-BE49-F238E27FC236}">
                <a16:creationId xmlns:a16="http://schemas.microsoft.com/office/drawing/2014/main" id="{EECF2B16-B2FC-4EC6-AED9-C23FDCCE3244}"/>
              </a:ext>
            </a:extLst>
          </p:cNvPr>
          <p:cNvGrpSpPr/>
          <p:nvPr/>
        </p:nvGrpSpPr>
        <p:grpSpPr>
          <a:xfrm>
            <a:off x="1342966" y="3870735"/>
            <a:ext cx="930025" cy="1680670"/>
            <a:chOff x="503267" y="2573387"/>
            <a:chExt cx="1428627" cy="3075348"/>
          </a:xfrm>
        </p:grpSpPr>
        <p:grpSp>
          <p:nvGrpSpPr>
            <p:cNvPr id="33" name="Group 32">
              <a:extLst>
                <a:ext uri="{FF2B5EF4-FFF2-40B4-BE49-F238E27FC236}">
                  <a16:creationId xmlns:a16="http://schemas.microsoft.com/office/drawing/2014/main" id="{D186490E-2ACF-4FB4-A15A-BFD32DC4DB1C}"/>
                </a:ext>
              </a:extLst>
            </p:cNvPr>
            <p:cNvGrpSpPr/>
            <p:nvPr/>
          </p:nvGrpSpPr>
          <p:grpSpPr>
            <a:xfrm>
              <a:off x="503267" y="3627030"/>
              <a:ext cx="1428627" cy="968061"/>
              <a:chOff x="4351051" y="3323899"/>
              <a:chExt cx="1477155" cy="1000944"/>
            </a:xfrm>
          </p:grpSpPr>
          <p:sp>
            <p:nvSpPr>
              <p:cNvPr id="46" name="Freeform 33">
                <a:extLst>
                  <a:ext uri="{FF2B5EF4-FFF2-40B4-BE49-F238E27FC236}">
                    <a16:creationId xmlns:a16="http://schemas.microsoft.com/office/drawing/2014/main" id="{D345B705-C9A5-45E1-991A-356A40543E32}"/>
                  </a:ext>
                </a:extLst>
              </p:cNvPr>
              <p:cNvSpPr>
                <a:spLocks/>
              </p:cNvSpPr>
              <p:nvPr/>
            </p:nvSpPr>
            <p:spPr bwMode="auto">
              <a:xfrm rot="16200000">
                <a:off x="4589157" y="3085793"/>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336C92"/>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47" name="Group 46">
                <a:extLst>
                  <a:ext uri="{FF2B5EF4-FFF2-40B4-BE49-F238E27FC236}">
                    <a16:creationId xmlns:a16="http://schemas.microsoft.com/office/drawing/2014/main" id="{CCEC040A-4075-4E00-92EA-0A3D37AC04B8}"/>
                  </a:ext>
                </a:extLst>
              </p:cNvPr>
              <p:cNvGrpSpPr/>
              <p:nvPr/>
            </p:nvGrpSpPr>
            <p:grpSpPr>
              <a:xfrm>
                <a:off x="4477468" y="3446469"/>
                <a:ext cx="748512" cy="755802"/>
                <a:chOff x="6007876" y="3548291"/>
                <a:chExt cx="748512" cy="755802"/>
              </a:xfrm>
            </p:grpSpPr>
            <p:sp>
              <p:nvSpPr>
                <p:cNvPr id="48" name="Oval 47">
                  <a:extLst>
                    <a:ext uri="{FF2B5EF4-FFF2-40B4-BE49-F238E27FC236}">
                      <a16:creationId xmlns:a16="http://schemas.microsoft.com/office/drawing/2014/main" id="{0A2C2CAF-E23B-42E7-BCD5-77D918340901}"/>
                    </a:ext>
                  </a:extLst>
                </p:cNvPr>
                <p:cNvSpPr/>
                <p:nvPr/>
              </p:nvSpPr>
              <p:spPr>
                <a:xfrm rot="16200000">
                  <a:off x="6004231" y="3551936"/>
                  <a:ext cx="755802" cy="748512"/>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grpSp>
              <p:nvGrpSpPr>
                <p:cNvPr id="49" name="Group 48">
                  <a:extLst>
                    <a:ext uri="{FF2B5EF4-FFF2-40B4-BE49-F238E27FC236}">
                      <a16:creationId xmlns:a16="http://schemas.microsoft.com/office/drawing/2014/main" id="{837882C7-58E4-43D0-B465-94D116428DFB}"/>
                    </a:ext>
                  </a:extLst>
                </p:cNvPr>
                <p:cNvGrpSpPr/>
                <p:nvPr/>
              </p:nvGrpSpPr>
              <p:grpSpPr>
                <a:xfrm>
                  <a:off x="6134566" y="3843784"/>
                  <a:ext cx="511929" cy="175696"/>
                  <a:chOff x="6134566" y="3843784"/>
                  <a:chExt cx="511929" cy="175696"/>
                </a:xfrm>
              </p:grpSpPr>
              <p:sp>
                <p:nvSpPr>
                  <p:cNvPr id="50" name="Freeform 62">
                    <a:extLst>
                      <a:ext uri="{FF2B5EF4-FFF2-40B4-BE49-F238E27FC236}">
                        <a16:creationId xmlns:a16="http://schemas.microsoft.com/office/drawing/2014/main" id="{4828B8D9-3526-4036-938E-0725BF704F23}"/>
                      </a:ext>
                    </a:extLst>
                  </p:cNvPr>
                  <p:cNvSpPr>
                    <a:spLocks noEditPoints="1"/>
                  </p:cNvSpPr>
                  <p:nvPr/>
                </p:nvSpPr>
                <p:spPr bwMode="auto">
                  <a:xfrm>
                    <a:off x="6134566" y="3843784"/>
                    <a:ext cx="286625" cy="175696"/>
                  </a:xfrm>
                  <a:custGeom>
                    <a:avLst/>
                    <a:gdLst>
                      <a:gd name="T0" fmla="*/ 641 w 688"/>
                      <a:gd name="T1" fmla="*/ 321 h 421"/>
                      <a:gd name="T2" fmla="*/ 641 w 688"/>
                      <a:gd name="T3" fmla="*/ 321 h 421"/>
                      <a:gd name="T4" fmla="*/ 478 w 688"/>
                      <a:gd name="T5" fmla="*/ 321 h 421"/>
                      <a:gd name="T6" fmla="*/ 455 w 688"/>
                      <a:gd name="T7" fmla="*/ 344 h 421"/>
                      <a:gd name="T8" fmla="*/ 455 w 688"/>
                      <a:gd name="T9" fmla="*/ 375 h 421"/>
                      <a:gd name="T10" fmla="*/ 371 w 688"/>
                      <a:gd name="T11" fmla="*/ 375 h 421"/>
                      <a:gd name="T12" fmla="*/ 216 w 688"/>
                      <a:gd name="T13" fmla="*/ 248 h 421"/>
                      <a:gd name="T14" fmla="*/ 194 w 688"/>
                      <a:gd name="T15" fmla="*/ 231 h 421"/>
                      <a:gd name="T16" fmla="*/ 46 w 688"/>
                      <a:gd name="T17" fmla="*/ 231 h 421"/>
                      <a:gd name="T18" fmla="*/ 46 w 688"/>
                      <a:gd name="T19" fmla="*/ 207 h 421"/>
                      <a:gd name="T20" fmla="*/ 197 w 688"/>
                      <a:gd name="T21" fmla="*/ 207 h 421"/>
                      <a:gd name="T22" fmla="*/ 214 w 688"/>
                      <a:gd name="T23" fmla="*/ 200 h 421"/>
                      <a:gd name="T24" fmla="*/ 220 w 688"/>
                      <a:gd name="T25" fmla="*/ 184 h 421"/>
                      <a:gd name="T26" fmla="*/ 373 w 688"/>
                      <a:gd name="T27" fmla="*/ 47 h 421"/>
                      <a:gd name="T28" fmla="*/ 455 w 688"/>
                      <a:gd name="T29" fmla="*/ 47 h 421"/>
                      <a:gd name="T30" fmla="*/ 455 w 688"/>
                      <a:gd name="T31" fmla="*/ 81 h 421"/>
                      <a:gd name="T32" fmla="*/ 478 w 688"/>
                      <a:gd name="T33" fmla="*/ 104 h 421"/>
                      <a:gd name="T34" fmla="*/ 641 w 688"/>
                      <a:gd name="T35" fmla="*/ 104 h 421"/>
                      <a:gd name="T36" fmla="*/ 641 w 688"/>
                      <a:gd name="T37" fmla="*/ 122 h 421"/>
                      <a:gd name="T38" fmla="*/ 478 w 688"/>
                      <a:gd name="T39" fmla="*/ 121 h 421"/>
                      <a:gd name="T40" fmla="*/ 478 w 688"/>
                      <a:gd name="T41" fmla="*/ 121 h 421"/>
                      <a:gd name="T42" fmla="*/ 462 w 688"/>
                      <a:gd name="T43" fmla="*/ 128 h 421"/>
                      <a:gd name="T44" fmla="*/ 455 w 688"/>
                      <a:gd name="T45" fmla="*/ 144 h 421"/>
                      <a:gd name="T46" fmla="*/ 455 w 688"/>
                      <a:gd name="T47" fmla="*/ 279 h 421"/>
                      <a:gd name="T48" fmla="*/ 478 w 688"/>
                      <a:gd name="T49" fmla="*/ 302 h 421"/>
                      <a:gd name="T50" fmla="*/ 641 w 688"/>
                      <a:gd name="T51" fmla="*/ 303 h 421"/>
                      <a:gd name="T52" fmla="*/ 641 w 688"/>
                      <a:gd name="T53" fmla="*/ 321 h 421"/>
                      <a:gd name="T54" fmla="*/ 664 w 688"/>
                      <a:gd name="T55" fmla="*/ 256 h 421"/>
                      <a:gd name="T56" fmla="*/ 664 w 688"/>
                      <a:gd name="T57" fmla="*/ 256 h 421"/>
                      <a:gd name="T58" fmla="*/ 501 w 688"/>
                      <a:gd name="T59" fmla="*/ 255 h 421"/>
                      <a:gd name="T60" fmla="*/ 501 w 688"/>
                      <a:gd name="T61" fmla="*/ 168 h 421"/>
                      <a:gd name="T62" fmla="*/ 664 w 688"/>
                      <a:gd name="T63" fmla="*/ 168 h 421"/>
                      <a:gd name="T64" fmla="*/ 681 w 688"/>
                      <a:gd name="T65" fmla="*/ 162 h 421"/>
                      <a:gd name="T66" fmla="*/ 688 w 688"/>
                      <a:gd name="T67" fmla="*/ 145 h 421"/>
                      <a:gd name="T68" fmla="*/ 688 w 688"/>
                      <a:gd name="T69" fmla="*/ 81 h 421"/>
                      <a:gd name="T70" fmla="*/ 664 w 688"/>
                      <a:gd name="T71" fmla="*/ 58 h 421"/>
                      <a:gd name="T72" fmla="*/ 501 w 688"/>
                      <a:gd name="T73" fmla="*/ 58 h 421"/>
                      <a:gd name="T74" fmla="*/ 501 w 688"/>
                      <a:gd name="T75" fmla="*/ 24 h 421"/>
                      <a:gd name="T76" fmla="*/ 478 w 688"/>
                      <a:gd name="T77" fmla="*/ 0 h 421"/>
                      <a:gd name="T78" fmla="*/ 372 w 688"/>
                      <a:gd name="T79" fmla="*/ 0 h 421"/>
                      <a:gd name="T80" fmla="*/ 370 w 688"/>
                      <a:gd name="T81" fmla="*/ 0 h 421"/>
                      <a:gd name="T82" fmla="*/ 175 w 688"/>
                      <a:gd name="T83" fmla="*/ 161 h 421"/>
                      <a:gd name="T84" fmla="*/ 23 w 688"/>
                      <a:gd name="T85" fmla="*/ 161 h 421"/>
                      <a:gd name="T86" fmla="*/ 0 w 688"/>
                      <a:gd name="T87" fmla="*/ 184 h 421"/>
                      <a:gd name="T88" fmla="*/ 0 w 688"/>
                      <a:gd name="T89" fmla="*/ 254 h 421"/>
                      <a:gd name="T90" fmla="*/ 23 w 688"/>
                      <a:gd name="T91" fmla="*/ 277 h 421"/>
                      <a:gd name="T92" fmla="*/ 176 w 688"/>
                      <a:gd name="T93" fmla="*/ 277 h 421"/>
                      <a:gd name="T94" fmla="*/ 366 w 688"/>
                      <a:gd name="T95" fmla="*/ 421 h 421"/>
                      <a:gd name="T96" fmla="*/ 372 w 688"/>
                      <a:gd name="T97" fmla="*/ 421 h 421"/>
                      <a:gd name="T98" fmla="*/ 478 w 688"/>
                      <a:gd name="T99" fmla="*/ 421 h 421"/>
                      <a:gd name="T100" fmla="*/ 501 w 688"/>
                      <a:gd name="T101" fmla="*/ 398 h 421"/>
                      <a:gd name="T102" fmla="*/ 501 w 688"/>
                      <a:gd name="T103" fmla="*/ 367 h 421"/>
                      <a:gd name="T104" fmla="*/ 664 w 688"/>
                      <a:gd name="T105" fmla="*/ 367 h 421"/>
                      <a:gd name="T106" fmla="*/ 688 w 688"/>
                      <a:gd name="T107" fmla="*/ 344 h 421"/>
                      <a:gd name="T108" fmla="*/ 688 w 688"/>
                      <a:gd name="T109" fmla="*/ 279 h 421"/>
                      <a:gd name="T110" fmla="*/ 664 w 688"/>
                      <a:gd name="T111" fmla="*/ 256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88" h="421">
                        <a:moveTo>
                          <a:pt x="641" y="321"/>
                        </a:moveTo>
                        <a:lnTo>
                          <a:pt x="641" y="321"/>
                        </a:lnTo>
                        <a:lnTo>
                          <a:pt x="478" y="321"/>
                        </a:lnTo>
                        <a:cubicBezTo>
                          <a:pt x="465" y="321"/>
                          <a:pt x="455" y="331"/>
                          <a:pt x="455" y="344"/>
                        </a:cubicBezTo>
                        <a:lnTo>
                          <a:pt x="455" y="375"/>
                        </a:lnTo>
                        <a:lnTo>
                          <a:pt x="371" y="375"/>
                        </a:lnTo>
                        <a:cubicBezTo>
                          <a:pt x="366" y="375"/>
                          <a:pt x="250" y="379"/>
                          <a:pt x="216" y="248"/>
                        </a:cubicBezTo>
                        <a:cubicBezTo>
                          <a:pt x="214" y="238"/>
                          <a:pt x="204" y="231"/>
                          <a:pt x="194" y="231"/>
                        </a:cubicBezTo>
                        <a:lnTo>
                          <a:pt x="46" y="231"/>
                        </a:lnTo>
                        <a:lnTo>
                          <a:pt x="46" y="207"/>
                        </a:lnTo>
                        <a:lnTo>
                          <a:pt x="197" y="207"/>
                        </a:lnTo>
                        <a:cubicBezTo>
                          <a:pt x="203" y="207"/>
                          <a:pt x="209" y="205"/>
                          <a:pt x="214" y="200"/>
                        </a:cubicBezTo>
                        <a:cubicBezTo>
                          <a:pt x="218" y="196"/>
                          <a:pt x="220" y="190"/>
                          <a:pt x="220" y="184"/>
                        </a:cubicBezTo>
                        <a:cubicBezTo>
                          <a:pt x="220" y="179"/>
                          <a:pt x="221" y="60"/>
                          <a:pt x="373" y="47"/>
                        </a:cubicBezTo>
                        <a:lnTo>
                          <a:pt x="455" y="47"/>
                        </a:lnTo>
                        <a:lnTo>
                          <a:pt x="455" y="81"/>
                        </a:lnTo>
                        <a:cubicBezTo>
                          <a:pt x="455" y="94"/>
                          <a:pt x="465" y="104"/>
                          <a:pt x="478" y="104"/>
                        </a:cubicBezTo>
                        <a:lnTo>
                          <a:pt x="641" y="104"/>
                        </a:lnTo>
                        <a:lnTo>
                          <a:pt x="641" y="122"/>
                        </a:lnTo>
                        <a:lnTo>
                          <a:pt x="478" y="121"/>
                        </a:lnTo>
                        <a:lnTo>
                          <a:pt x="478" y="121"/>
                        </a:lnTo>
                        <a:cubicBezTo>
                          <a:pt x="472" y="121"/>
                          <a:pt x="466" y="123"/>
                          <a:pt x="462" y="128"/>
                        </a:cubicBezTo>
                        <a:cubicBezTo>
                          <a:pt x="457" y="132"/>
                          <a:pt x="455" y="138"/>
                          <a:pt x="455" y="144"/>
                        </a:cubicBezTo>
                        <a:lnTo>
                          <a:pt x="455" y="279"/>
                        </a:lnTo>
                        <a:cubicBezTo>
                          <a:pt x="455" y="291"/>
                          <a:pt x="465" y="302"/>
                          <a:pt x="478" y="302"/>
                        </a:cubicBezTo>
                        <a:lnTo>
                          <a:pt x="641" y="303"/>
                        </a:lnTo>
                        <a:lnTo>
                          <a:pt x="641" y="321"/>
                        </a:lnTo>
                        <a:close/>
                        <a:moveTo>
                          <a:pt x="664" y="256"/>
                        </a:moveTo>
                        <a:lnTo>
                          <a:pt x="664" y="256"/>
                        </a:lnTo>
                        <a:lnTo>
                          <a:pt x="501" y="255"/>
                        </a:lnTo>
                        <a:lnTo>
                          <a:pt x="501" y="168"/>
                        </a:lnTo>
                        <a:lnTo>
                          <a:pt x="664" y="168"/>
                        </a:lnTo>
                        <a:cubicBezTo>
                          <a:pt x="671" y="168"/>
                          <a:pt x="676" y="166"/>
                          <a:pt x="681" y="162"/>
                        </a:cubicBezTo>
                        <a:cubicBezTo>
                          <a:pt x="685" y="157"/>
                          <a:pt x="688" y="151"/>
                          <a:pt x="688" y="145"/>
                        </a:cubicBezTo>
                        <a:lnTo>
                          <a:pt x="688" y="81"/>
                        </a:lnTo>
                        <a:cubicBezTo>
                          <a:pt x="688" y="68"/>
                          <a:pt x="677" y="58"/>
                          <a:pt x="664" y="58"/>
                        </a:cubicBezTo>
                        <a:lnTo>
                          <a:pt x="501" y="58"/>
                        </a:lnTo>
                        <a:lnTo>
                          <a:pt x="501" y="24"/>
                        </a:lnTo>
                        <a:cubicBezTo>
                          <a:pt x="501" y="11"/>
                          <a:pt x="491" y="0"/>
                          <a:pt x="478" y="0"/>
                        </a:cubicBezTo>
                        <a:lnTo>
                          <a:pt x="372" y="0"/>
                        </a:lnTo>
                        <a:cubicBezTo>
                          <a:pt x="371" y="0"/>
                          <a:pt x="371" y="0"/>
                          <a:pt x="370" y="0"/>
                        </a:cubicBezTo>
                        <a:cubicBezTo>
                          <a:pt x="233" y="12"/>
                          <a:pt x="185" y="100"/>
                          <a:pt x="175" y="161"/>
                        </a:cubicBezTo>
                        <a:lnTo>
                          <a:pt x="23" y="161"/>
                        </a:lnTo>
                        <a:cubicBezTo>
                          <a:pt x="10" y="161"/>
                          <a:pt x="0" y="171"/>
                          <a:pt x="0" y="184"/>
                        </a:cubicBezTo>
                        <a:lnTo>
                          <a:pt x="0" y="254"/>
                        </a:lnTo>
                        <a:cubicBezTo>
                          <a:pt x="0" y="267"/>
                          <a:pt x="10" y="277"/>
                          <a:pt x="23" y="277"/>
                        </a:cubicBezTo>
                        <a:lnTo>
                          <a:pt x="176" y="277"/>
                        </a:lnTo>
                        <a:cubicBezTo>
                          <a:pt x="214" y="391"/>
                          <a:pt x="313" y="421"/>
                          <a:pt x="366" y="421"/>
                        </a:cubicBezTo>
                        <a:cubicBezTo>
                          <a:pt x="368" y="421"/>
                          <a:pt x="370" y="421"/>
                          <a:pt x="372" y="421"/>
                        </a:cubicBezTo>
                        <a:lnTo>
                          <a:pt x="478" y="421"/>
                        </a:lnTo>
                        <a:cubicBezTo>
                          <a:pt x="491" y="421"/>
                          <a:pt x="501" y="411"/>
                          <a:pt x="501" y="398"/>
                        </a:cubicBezTo>
                        <a:lnTo>
                          <a:pt x="501" y="367"/>
                        </a:lnTo>
                        <a:lnTo>
                          <a:pt x="664" y="367"/>
                        </a:lnTo>
                        <a:cubicBezTo>
                          <a:pt x="677" y="367"/>
                          <a:pt x="688" y="357"/>
                          <a:pt x="688" y="344"/>
                        </a:cubicBezTo>
                        <a:lnTo>
                          <a:pt x="688" y="279"/>
                        </a:lnTo>
                        <a:cubicBezTo>
                          <a:pt x="688" y="267"/>
                          <a:pt x="677" y="256"/>
                          <a:pt x="664" y="256"/>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51" name="Freeform 63">
                    <a:extLst>
                      <a:ext uri="{FF2B5EF4-FFF2-40B4-BE49-F238E27FC236}">
                        <a16:creationId xmlns:a16="http://schemas.microsoft.com/office/drawing/2014/main" id="{48C36C29-164F-4F40-B44C-45C9E4BFDB83}"/>
                      </a:ext>
                    </a:extLst>
                  </p:cNvPr>
                  <p:cNvSpPr>
                    <a:spLocks noEditPoints="1"/>
                  </p:cNvSpPr>
                  <p:nvPr/>
                </p:nvSpPr>
                <p:spPr bwMode="auto">
                  <a:xfrm>
                    <a:off x="6437727" y="3843784"/>
                    <a:ext cx="208768" cy="175696"/>
                  </a:xfrm>
                  <a:custGeom>
                    <a:avLst/>
                    <a:gdLst>
                      <a:gd name="T0" fmla="*/ 455 w 502"/>
                      <a:gd name="T1" fmla="*/ 231 h 421"/>
                      <a:gd name="T2" fmla="*/ 455 w 502"/>
                      <a:gd name="T3" fmla="*/ 231 h 421"/>
                      <a:gd name="T4" fmla="*/ 308 w 502"/>
                      <a:gd name="T5" fmla="*/ 231 h 421"/>
                      <a:gd name="T6" fmla="*/ 285 w 502"/>
                      <a:gd name="T7" fmla="*/ 248 h 421"/>
                      <a:gd name="T8" fmla="*/ 129 w 502"/>
                      <a:gd name="T9" fmla="*/ 375 h 421"/>
                      <a:gd name="T10" fmla="*/ 47 w 502"/>
                      <a:gd name="T11" fmla="*/ 375 h 421"/>
                      <a:gd name="T12" fmla="*/ 47 w 502"/>
                      <a:gd name="T13" fmla="*/ 47 h 421"/>
                      <a:gd name="T14" fmla="*/ 128 w 502"/>
                      <a:gd name="T15" fmla="*/ 47 h 421"/>
                      <a:gd name="T16" fmla="*/ 281 w 502"/>
                      <a:gd name="T17" fmla="*/ 184 h 421"/>
                      <a:gd name="T18" fmla="*/ 288 w 502"/>
                      <a:gd name="T19" fmla="*/ 200 h 421"/>
                      <a:gd name="T20" fmla="*/ 304 w 502"/>
                      <a:gd name="T21" fmla="*/ 207 h 421"/>
                      <a:gd name="T22" fmla="*/ 455 w 502"/>
                      <a:gd name="T23" fmla="*/ 207 h 421"/>
                      <a:gd name="T24" fmla="*/ 455 w 502"/>
                      <a:gd name="T25" fmla="*/ 231 h 421"/>
                      <a:gd name="T26" fmla="*/ 478 w 502"/>
                      <a:gd name="T27" fmla="*/ 161 h 421"/>
                      <a:gd name="T28" fmla="*/ 478 w 502"/>
                      <a:gd name="T29" fmla="*/ 161 h 421"/>
                      <a:gd name="T30" fmla="*/ 326 w 502"/>
                      <a:gd name="T31" fmla="*/ 161 h 421"/>
                      <a:gd name="T32" fmla="*/ 131 w 502"/>
                      <a:gd name="T33" fmla="*/ 0 h 421"/>
                      <a:gd name="T34" fmla="*/ 129 w 502"/>
                      <a:gd name="T35" fmla="*/ 0 h 421"/>
                      <a:gd name="T36" fmla="*/ 23 w 502"/>
                      <a:gd name="T37" fmla="*/ 0 h 421"/>
                      <a:gd name="T38" fmla="*/ 0 w 502"/>
                      <a:gd name="T39" fmla="*/ 24 h 421"/>
                      <a:gd name="T40" fmla="*/ 0 w 502"/>
                      <a:gd name="T41" fmla="*/ 398 h 421"/>
                      <a:gd name="T42" fmla="*/ 23 w 502"/>
                      <a:gd name="T43" fmla="*/ 421 h 421"/>
                      <a:gd name="T44" fmla="*/ 128 w 502"/>
                      <a:gd name="T45" fmla="*/ 421 h 421"/>
                      <a:gd name="T46" fmla="*/ 135 w 502"/>
                      <a:gd name="T47" fmla="*/ 421 h 421"/>
                      <a:gd name="T48" fmla="*/ 325 w 502"/>
                      <a:gd name="T49" fmla="*/ 277 h 421"/>
                      <a:gd name="T50" fmla="*/ 478 w 502"/>
                      <a:gd name="T51" fmla="*/ 277 h 421"/>
                      <a:gd name="T52" fmla="*/ 502 w 502"/>
                      <a:gd name="T53" fmla="*/ 254 h 421"/>
                      <a:gd name="T54" fmla="*/ 502 w 502"/>
                      <a:gd name="T55" fmla="*/ 184 h 421"/>
                      <a:gd name="T56" fmla="*/ 478 w 502"/>
                      <a:gd name="T57" fmla="*/ 161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02" h="421">
                        <a:moveTo>
                          <a:pt x="455" y="231"/>
                        </a:moveTo>
                        <a:lnTo>
                          <a:pt x="455" y="231"/>
                        </a:lnTo>
                        <a:lnTo>
                          <a:pt x="308" y="231"/>
                        </a:lnTo>
                        <a:cubicBezTo>
                          <a:pt x="297" y="231"/>
                          <a:pt x="288" y="238"/>
                          <a:pt x="285" y="248"/>
                        </a:cubicBezTo>
                        <a:cubicBezTo>
                          <a:pt x="251" y="378"/>
                          <a:pt x="135" y="375"/>
                          <a:pt x="129" y="375"/>
                        </a:cubicBezTo>
                        <a:lnTo>
                          <a:pt x="47" y="375"/>
                        </a:lnTo>
                        <a:lnTo>
                          <a:pt x="47" y="47"/>
                        </a:lnTo>
                        <a:lnTo>
                          <a:pt x="128" y="47"/>
                        </a:lnTo>
                        <a:cubicBezTo>
                          <a:pt x="279" y="60"/>
                          <a:pt x="281" y="179"/>
                          <a:pt x="281" y="184"/>
                        </a:cubicBezTo>
                        <a:cubicBezTo>
                          <a:pt x="281" y="190"/>
                          <a:pt x="283" y="196"/>
                          <a:pt x="288" y="200"/>
                        </a:cubicBezTo>
                        <a:cubicBezTo>
                          <a:pt x="292" y="205"/>
                          <a:pt x="298" y="207"/>
                          <a:pt x="304" y="207"/>
                        </a:cubicBezTo>
                        <a:lnTo>
                          <a:pt x="455" y="207"/>
                        </a:lnTo>
                        <a:lnTo>
                          <a:pt x="455" y="231"/>
                        </a:lnTo>
                        <a:close/>
                        <a:moveTo>
                          <a:pt x="478" y="161"/>
                        </a:moveTo>
                        <a:lnTo>
                          <a:pt x="478" y="161"/>
                        </a:lnTo>
                        <a:lnTo>
                          <a:pt x="326" y="161"/>
                        </a:lnTo>
                        <a:cubicBezTo>
                          <a:pt x="317" y="100"/>
                          <a:pt x="269" y="12"/>
                          <a:pt x="131" y="0"/>
                        </a:cubicBezTo>
                        <a:cubicBezTo>
                          <a:pt x="131" y="0"/>
                          <a:pt x="130" y="0"/>
                          <a:pt x="129" y="0"/>
                        </a:cubicBezTo>
                        <a:lnTo>
                          <a:pt x="23" y="0"/>
                        </a:lnTo>
                        <a:cubicBezTo>
                          <a:pt x="10" y="0"/>
                          <a:pt x="0" y="11"/>
                          <a:pt x="0" y="24"/>
                        </a:cubicBezTo>
                        <a:lnTo>
                          <a:pt x="0" y="398"/>
                        </a:lnTo>
                        <a:cubicBezTo>
                          <a:pt x="0" y="411"/>
                          <a:pt x="10" y="421"/>
                          <a:pt x="23" y="421"/>
                        </a:cubicBezTo>
                        <a:lnTo>
                          <a:pt x="128" y="421"/>
                        </a:lnTo>
                        <a:cubicBezTo>
                          <a:pt x="130" y="421"/>
                          <a:pt x="133" y="421"/>
                          <a:pt x="135" y="421"/>
                        </a:cubicBezTo>
                        <a:cubicBezTo>
                          <a:pt x="189" y="421"/>
                          <a:pt x="287" y="391"/>
                          <a:pt x="325" y="277"/>
                        </a:cubicBezTo>
                        <a:lnTo>
                          <a:pt x="478" y="277"/>
                        </a:lnTo>
                        <a:cubicBezTo>
                          <a:pt x="491" y="277"/>
                          <a:pt x="502" y="267"/>
                          <a:pt x="502" y="254"/>
                        </a:cubicBezTo>
                        <a:lnTo>
                          <a:pt x="502" y="184"/>
                        </a:lnTo>
                        <a:cubicBezTo>
                          <a:pt x="502" y="171"/>
                          <a:pt x="491" y="161"/>
                          <a:pt x="478" y="161"/>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grpSp>
        </p:grpSp>
        <p:grpSp>
          <p:nvGrpSpPr>
            <p:cNvPr id="34" name="Group 33">
              <a:extLst>
                <a:ext uri="{FF2B5EF4-FFF2-40B4-BE49-F238E27FC236}">
                  <a16:creationId xmlns:a16="http://schemas.microsoft.com/office/drawing/2014/main" id="{90E24D3A-F5B0-4B1F-96E3-78E4C5C2004C}"/>
                </a:ext>
              </a:extLst>
            </p:cNvPr>
            <p:cNvGrpSpPr/>
            <p:nvPr/>
          </p:nvGrpSpPr>
          <p:grpSpPr>
            <a:xfrm>
              <a:off x="503267" y="2573387"/>
              <a:ext cx="1428627" cy="968061"/>
              <a:chOff x="5685379" y="2321358"/>
              <a:chExt cx="1477155" cy="1000944"/>
            </a:xfrm>
          </p:grpSpPr>
          <p:sp>
            <p:nvSpPr>
              <p:cNvPr id="42" name="Freeform 39">
                <a:extLst>
                  <a:ext uri="{FF2B5EF4-FFF2-40B4-BE49-F238E27FC236}">
                    <a16:creationId xmlns:a16="http://schemas.microsoft.com/office/drawing/2014/main" id="{BA2027D3-E829-4762-BDF5-7B00617F2935}"/>
                  </a:ext>
                </a:extLst>
              </p:cNvPr>
              <p:cNvSpPr>
                <a:spLocks/>
              </p:cNvSpPr>
              <p:nvPr/>
            </p:nvSpPr>
            <p:spPr bwMode="auto">
              <a:xfrm rot="16200000">
                <a:off x="5923485" y="2083252"/>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478FBF"/>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43" name="Group 42">
                <a:extLst>
                  <a:ext uri="{FF2B5EF4-FFF2-40B4-BE49-F238E27FC236}">
                    <a16:creationId xmlns:a16="http://schemas.microsoft.com/office/drawing/2014/main" id="{DA26AE7E-C3A2-40AD-BCB8-BEA087743C04}"/>
                  </a:ext>
                </a:extLst>
              </p:cNvPr>
              <p:cNvGrpSpPr/>
              <p:nvPr/>
            </p:nvGrpSpPr>
            <p:grpSpPr>
              <a:xfrm>
                <a:off x="5809018" y="2444753"/>
                <a:ext cx="746877" cy="754151"/>
                <a:chOff x="6007643" y="2551697"/>
                <a:chExt cx="746877" cy="754151"/>
              </a:xfrm>
            </p:grpSpPr>
            <p:sp>
              <p:nvSpPr>
                <p:cNvPr id="44" name="Oval 43">
                  <a:extLst>
                    <a:ext uri="{FF2B5EF4-FFF2-40B4-BE49-F238E27FC236}">
                      <a16:creationId xmlns:a16="http://schemas.microsoft.com/office/drawing/2014/main" id="{DBCE2C5E-F500-4E0D-85AB-987EE62F9E60}"/>
                    </a:ext>
                  </a:extLst>
                </p:cNvPr>
                <p:cNvSpPr/>
                <p:nvPr/>
              </p:nvSpPr>
              <p:spPr>
                <a:xfrm rot="16200000">
                  <a:off x="6004006" y="2555334"/>
                  <a:ext cx="754151" cy="746877"/>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sp>
              <p:nvSpPr>
                <p:cNvPr id="45" name="Freeform 118">
                  <a:extLst>
                    <a:ext uri="{FF2B5EF4-FFF2-40B4-BE49-F238E27FC236}">
                      <a16:creationId xmlns:a16="http://schemas.microsoft.com/office/drawing/2014/main" id="{91959B64-86F9-4CEB-822C-AA0540DFC9FA}"/>
                    </a:ext>
                  </a:extLst>
                </p:cNvPr>
                <p:cNvSpPr>
                  <a:spLocks noEditPoints="1"/>
                </p:cNvSpPr>
                <p:nvPr/>
              </p:nvSpPr>
              <p:spPr bwMode="auto">
                <a:xfrm>
                  <a:off x="6260834" y="2701330"/>
                  <a:ext cx="227013" cy="450850"/>
                </a:xfrm>
                <a:custGeom>
                  <a:avLst/>
                  <a:gdLst>
                    <a:gd name="T0" fmla="*/ 7 w 71"/>
                    <a:gd name="T1" fmla="*/ 141 h 141"/>
                    <a:gd name="T2" fmla="*/ 5 w 71"/>
                    <a:gd name="T3" fmla="*/ 141 h 141"/>
                    <a:gd name="T4" fmla="*/ 4 w 71"/>
                    <a:gd name="T5" fmla="*/ 140 h 141"/>
                    <a:gd name="T6" fmla="*/ 3 w 71"/>
                    <a:gd name="T7" fmla="*/ 136 h 141"/>
                    <a:gd name="T8" fmla="*/ 32 w 71"/>
                    <a:gd name="T9" fmla="*/ 88 h 141"/>
                    <a:gd name="T10" fmla="*/ 21 w 71"/>
                    <a:gd name="T11" fmla="*/ 79 h 141"/>
                    <a:gd name="T12" fmla="*/ 1 w 71"/>
                    <a:gd name="T13" fmla="*/ 63 h 141"/>
                    <a:gd name="T14" fmla="*/ 0 w 71"/>
                    <a:gd name="T15" fmla="*/ 61 h 141"/>
                    <a:gd name="T16" fmla="*/ 1 w 71"/>
                    <a:gd name="T17" fmla="*/ 59 h 141"/>
                    <a:gd name="T18" fmla="*/ 31 w 71"/>
                    <a:gd name="T19" fmla="*/ 32 h 141"/>
                    <a:gd name="T20" fmla="*/ 66 w 71"/>
                    <a:gd name="T21" fmla="*/ 1 h 141"/>
                    <a:gd name="T22" fmla="*/ 69 w 71"/>
                    <a:gd name="T23" fmla="*/ 1 h 141"/>
                    <a:gd name="T24" fmla="*/ 70 w 71"/>
                    <a:gd name="T25" fmla="*/ 1 h 141"/>
                    <a:gd name="T26" fmla="*/ 70 w 71"/>
                    <a:gd name="T27" fmla="*/ 1 h 141"/>
                    <a:gd name="T28" fmla="*/ 71 w 71"/>
                    <a:gd name="T29" fmla="*/ 3 h 141"/>
                    <a:gd name="T30" fmla="*/ 71 w 71"/>
                    <a:gd name="T31" fmla="*/ 5 h 141"/>
                    <a:gd name="T32" fmla="*/ 52 w 71"/>
                    <a:gd name="T33" fmla="*/ 35 h 141"/>
                    <a:gd name="T34" fmla="*/ 35 w 71"/>
                    <a:gd name="T35" fmla="*/ 61 h 141"/>
                    <a:gd name="T36" fmla="*/ 58 w 71"/>
                    <a:gd name="T37" fmla="*/ 76 h 141"/>
                    <a:gd name="T38" fmla="*/ 70 w 71"/>
                    <a:gd name="T39" fmla="*/ 84 h 141"/>
                    <a:gd name="T40" fmla="*/ 71 w 71"/>
                    <a:gd name="T41" fmla="*/ 86 h 141"/>
                    <a:gd name="T42" fmla="*/ 71 w 71"/>
                    <a:gd name="T43" fmla="*/ 88 h 141"/>
                    <a:gd name="T44" fmla="*/ 13 w 71"/>
                    <a:gd name="T45" fmla="*/ 136 h 141"/>
                    <a:gd name="T46" fmla="*/ 8 w 71"/>
                    <a:gd name="T47" fmla="*/ 141 h 141"/>
                    <a:gd name="T48" fmla="*/ 7 w 71"/>
                    <a:gd name="T49" fmla="*/ 141 h 141"/>
                    <a:gd name="T50" fmla="*/ 6 w 71"/>
                    <a:gd name="T51" fmla="*/ 61 h 141"/>
                    <a:gd name="T52" fmla="*/ 24 w 71"/>
                    <a:gd name="T53" fmla="*/ 75 h 141"/>
                    <a:gd name="T54" fmla="*/ 37 w 71"/>
                    <a:gd name="T55" fmla="*/ 85 h 141"/>
                    <a:gd name="T56" fmla="*/ 38 w 71"/>
                    <a:gd name="T57" fmla="*/ 88 h 141"/>
                    <a:gd name="T58" fmla="*/ 13 w 71"/>
                    <a:gd name="T59" fmla="*/ 130 h 141"/>
                    <a:gd name="T60" fmla="*/ 65 w 71"/>
                    <a:gd name="T61" fmla="*/ 86 h 141"/>
                    <a:gd name="T62" fmla="*/ 55 w 71"/>
                    <a:gd name="T63" fmla="*/ 80 h 141"/>
                    <a:gd name="T64" fmla="*/ 30 w 71"/>
                    <a:gd name="T65" fmla="*/ 63 h 141"/>
                    <a:gd name="T66" fmla="*/ 30 w 71"/>
                    <a:gd name="T67" fmla="*/ 60 h 141"/>
                    <a:gd name="T68" fmla="*/ 47 w 71"/>
                    <a:gd name="T69" fmla="*/ 33 h 141"/>
                    <a:gd name="T70" fmla="*/ 59 w 71"/>
                    <a:gd name="T71" fmla="*/ 13 h 141"/>
                    <a:gd name="T72" fmla="*/ 35 w 71"/>
                    <a:gd name="T73" fmla="*/ 35 h 141"/>
                    <a:gd name="T74" fmla="*/ 6 w 71"/>
                    <a:gd name="T75" fmla="*/ 61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1" h="141">
                      <a:moveTo>
                        <a:pt x="7" y="141"/>
                      </a:moveTo>
                      <a:cubicBezTo>
                        <a:pt x="6" y="141"/>
                        <a:pt x="5" y="141"/>
                        <a:pt x="5" y="141"/>
                      </a:cubicBezTo>
                      <a:cubicBezTo>
                        <a:pt x="4" y="140"/>
                        <a:pt x="4" y="140"/>
                        <a:pt x="4" y="140"/>
                      </a:cubicBezTo>
                      <a:cubicBezTo>
                        <a:pt x="3" y="139"/>
                        <a:pt x="3" y="137"/>
                        <a:pt x="3" y="136"/>
                      </a:cubicBezTo>
                      <a:cubicBezTo>
                        <a:pt x="13" y="121"/>
                        <a:pt x="22" y="104"/>
                        <a:pt x="32" y="88"/>
                      </a:cubicBezTo>
                      <a:cubicBezTo>
                        <a:pt x="28" y="85"/>
                        <a:pt x="25" y="82"/>
                        <a:pt x="21" y="79"/>
                      </a:cubicBezTo>
                      <a:cubicBezTo>
                        <a:pt x="14" y="73"/>
                        <a:pt x="8" y="68"/>
                        <a:pt x="1" y="63"/>
                      </a:cubicBezTo>
                      <a:cubicBezTo>
                        <a:pt x="0" y="62"/>
                        <a:pt x="0" y="62"/>
                        <a:pt x="0" y="61"/>
                      </a:cubicBezTo>
                      <a:cubicBezTo>
                        <a:pt x="0" y="60"/>
                        <a:pt x="0" y="59"/>
                        <a:pt x="1" y="59"/>
                      </a:cubicBezTo>
                      <a:cubicBezTo>
                        <a:pt x="11" y="50"/>
                        <a:pt x="21" y="41"/>
                        <a:pt x="31" y="32"/>
                      </a:cubicBezTo>
                      <a:cubicBezTo>
                        <a:pt x="43" y="21"/>
                        <a:pt x="54" y="11"/>
                        <a:pt x="66" y="1"/>
                      </a:cubicBezTo>
                      <a:cubicBezTo>
                        <a:pt x="67" y="0"/>
                        <a:pt x="68" y="0"/>
                        <a:pt x="69" y="1"/>
                      </a:cubicBezTo>
                      <a:cubicBezTo>
                        <a:pt x="70" y="1"/>
                        <a:pt x="70" y="1"/>
                        <a:pt x="70" y="1"/>
                      </a:cubicBezTo>
                      <a:cubicBezTo>
                        <a:pt x="70" y="1"/>
                        <a:pt x="70" y="1"/>
                        <a:pt x="70" y="1"/>
                      </a:cubicBezTo>
                      <a:cubicBezTo>
                        <a:pt x="71" y="2"/>
                        <a:pt x="71" y="2"/>
                        <a:pt x="71" y="3"/>
                      </a:cubicBezTo>
                      <a:cubicBezTo>
                        <a:pt x="71" y="3"/>
                        <a:pt x="71" y="4"/>
                        <a:pt x="71" y="5"/>
                      </a:cubicBezTo>
                      <a:cubicBezTo>
                        <a:pt x="65" y="15"/>
                        <a:pt x="58" y="25"/>
                        <a:pt x="52" y="35"/>
                      </a:cubicBezTo>
                      <a:cubicBezTo>
                        <a:pt x="46" y="44"/>
                        <a:pt x="41" y="52"/>
                        <a:pt x="35" y="61"/>
                      </a:cubicBezTo>
                      <a:cubicBezTo>
                        <a:pt x="43" y="66"/>
                        <a:pt x="50" y="71"/>
                        <a:pt x="58" y="76"/>
                      </a:cubicBezTo>
                      <a:cubicBezTo>
                        <a:pt x="62" y="79"/>
                        <a:pt x="66" y="81"/>
                        <a:pt x="70" y="84"/>
                      </a:cubicBezTo>
                      <a:cubicBezTo>
                        <a:pt x="71" y="85"/>
                        <a:pt x="71" y="85"/>
                        <a:pt x="71" y="86"/>
                      </a:cubicBezTo>
                      <a:cubicBezTo>
                        <a:pt x="71" y="87"/>
                        <a:pt x="71" y="88"/>
                        <a:pt x="71" y="88"/>
                      </a:cubicBezTo>
                      <a:cubicBezTo>
                        <a:pt x="51" y="104"/>
                        <a:pt x="32" y="121"/>
                        <a:pt x="13" y="136"/>
                      </a:cubicBezTo>
                      <a:cubicBezTo>
                        <a:pt x="8" y="141"/>
                        <a:pt x="8" y="141"/>
                        <a:pt x="8" y="141"/>
                      </a:cubicBezTo>
                      <a:cubicBezTo>
                        <a:pt x="8" y="141"/>
                        <a:pt x="7" y="141"/>
                        <a:pt x="7" y="141"/>
                      </a:cubicBezTo>
                      <a:close/>
                      <a:moveTo>
                        <a:pt x="6" y="61"/>
                      </a:moveTo>
                      <a:cubicBezTo>
                        <a:pt x="12" y="66"/>
                        <a:pt x="18" y="70"/>
                        <a:pt x="24" y="75"/>
                      </a:cubicBezTo>
                      <a:cubicBezTo>
                        <a:pt x="28" y="78"/>
                        <a:pt x="33" y="81"/>
                        <a:pt x="37" y="85"/>
                      </a:cubicBezTo>
                      <a:cubicBezTo>
                        <a:pt x="38" y="86"/>
                        <a:pt x="38" y="87"/>
                        <a:pt x="38" y="88"/>
                      </a:cubicBezTo>
                      <a:cubicBezTo>
                        <a:pt x="29" y="103"/>
                        <a:pt x="21" y="117"/>
                        <a:pt x="13" y="130"/>
                      </a:cubicBezTo>
                      <a:cubicBezTo>
                        <a:pt x="30" y="116"/>
                        <a:pt x="47" y="101"/>
                        <a:pt x="65" y="86"/>
                      </a:cubicBezTo>
                      <a:cubicBezTo>
                        <a:pt x="62" y="84"/>
                        <a:pt x="58" y="82"/>
                        <a:pt x="55" y="80"/>
                      </a:cubicBezTo>
                      <a:cubicBezTo>
                        <a:pt x="47" y="75"/>
                        <a:pt x="39" y="69"/>
                        <a:pt x="30" y="63"/>
                      </a:cubicBezTo>
                      <a:cubicBezTo>
                        <a:pt x="29" y="63"/>
                        <a:pt x="29" y="61"/>
                        <a:pt x="30" y="60"/>
                      </a:cubicBezTo>
                      <a:cubicBezTo>
                        <a:pt x="36" y="50"/>
                        <a:pt x="42" y="42"/>
                        <a:pt x="47" y="33"/>
                      </a:cubicBezTo>
                      <a:cubicBezTo>
                        <a:pt x="51" y="26"/>
                        <a:pt x="56" y="20"/>
                        <a:pt x="59" y="13"/>
                      </a:cubicBezTo>
                      <a:cubicBezTo>
                        <a:pt x="51" y="21"/>
                        <a:pt x="43" y="28"/>
                        <a:pt x="35" y="35"/>
                      </a:cubicBezTo>
                      <a:cubicBezTo>
                        <a:pt x="25" y="44"/>
                        <a:pt x="16" y="52"/>
                        <a:pt x="6" y="61"/>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35" name="Group 34">
              <a:extLst>
                <a:ext uri="{FF2B5EF4-FFF2-40B4-BE49-F238E27FC236}">
                  <a16:creationId xmlns:a16="http://schemas.microsoft.com/office/drawing/2014/main" id="{2D679731-8FBB-4AC6-B11A-EBE31F93B675}"/>
                </a:ext>
              </a:extLst>
            </p:cNvPr>
            <p:cNvGrpSpPr/>
            <p:nvPr/>
          </p:nvGrpSpPr>
          <p:grpSpPr>
            <a:xfrm>
              <a:off x="503267" y="4680674"/>
              <a:ext cx="1428627" cy="968061"/>
              <a:chOff x="5685379" y="4534039"/>
              <a:chExt cx="1477155" cy="1000944"/>
            </a:xfrm>
          </p:grpSpPr>
          <p:sp>
            <p:nvSpPr>
              <p:cNvPr id="36" name="Freeform 47">
                <a:extLst>
                  <a:ext uri="{FF2B5EF4-FFF2-40B4-BE49-F238E27FC236}">
                    <a16:creationId xmlns:a16="http://schemas.microsoft.com/office/drawing/2014/main" id="{FF81172B-1551-4C86-8B47-DD2BD45D21B9}"/>
                  </a:ext>
                </a:extLst>
              </p:cNvPr>
              <p:cNvSpPr>
                <a:spLocks/>
              </p:cNvSpPr>
              <p:nvPr/>
            </p:nvSpPr>
            <p:spPr bwMode="auto">
              <a:xfrm rot="16200000">
                <a:off x="5923485" y="4295933"/>
                <a:ext cx="1000944" cy="1477155"/>
              </a:xfrm>
              <a:custGeom>
                <a:avLst/>
                <a:gdLst>
                  <a:gd name="T0" fmla="*/ 871 w 871"/>
                  <a:gd name="T1" fmla="*/ 435 h 1287"/>
                  <a:gd name="T2" fmla="*/ 796 w 871"/>
                  <a:gd name="T3" fmla="*/ 680 h 1287"/>
                  <a:gd name="T4" fmla="*/ 435 w 871"/>
                  <a:gd name="T5" fmla="*/ 1287 h 1287"/>
                  <a:gd name="T6" fmla="*/ 75 w 871"/>
                  <a:gd name="T7" fmla="*/ 680 h 1287"/>
                  <a:gd name="T8" fmla="*/ 0 w 871"/>
                  <a:gd name="T9" fmla="*/ 435 h 1287"/>
                  <a:gd name="T10" fmla="*/ 435 w 871"/>
                  <a:gd name="T11" fmla="*/ 0 h 1287"/>
                  <a:gd name="T12" fmla="*/ 871 w 871"/>
                  <a:gd name="T13" fmla="*/ 435 h 1287"/>
                </a:gdLst>
                <a:ahLst/>
                <a:cxnLst>
                  <a:cxn ang="0">
                    <a:pos x="T0" y="T1"/>
                  </a:cxn>
                  <a:cxn ang="0">
                    <a:pos x="T2" y="T3"/>
                  </a:cxn>
                  <a:cxn ang="0">
                    <a:pos x="T4" y="T5"/>
                  </a:cxn>
                  <a:cxn ang="0">
                    <a:pos x="T6" y="T7"/>
                  </a:cxn>
                  <a:cxn ang="0">
                    <a:pos x="T8" y="T9"/>
                  </a:cxn>
                  <a:cxn ang="0">
                    <a:pos x="T10" y="T11"/>
                  </a:cxn>
                  <a:cxn ang="0">
                    <a:pos x="T12" y="T13"/>
                  </a:cxn>
                </a:cxnLst>
                <a:rect l="0" t="0" r="r" b="b"/>
                <a:pathLst>
                  <a:path w="871" h="1287">
                    <a:moveTo>
                      <a:pt x="871" y="435"/>
                    </a:moveTo>
                    <a:cubicBezTo>
                      <a:pt x="871" y="526"/>
                      <a:pt x="843" y="611"/>
                      <a:pt x="796" y="680"/>
                    </a:cubicBezTo>
                    <a:cubicBezTo>
                      <a:pt x="435" y="1287"/>
                      <a:pt x="435" y="1287"/>
                      <a:pt x="435" y="1287"/>
                    </a:cubicBezTo>
                    <a:cubicBezTo>
                      <a:pt x="75" y="680"/>
                      <a:pt x="75" y="680"/>
                      <a:pt x="75" y="680"/>
                    </a:cubicBezTo>
                    <a:cubicBezTo>
                      <a:pt x="28" y="611"/>
                      <a:pt x="0" y="526"/>
                      <a:pt x="0" y="435"/>
                    </a:cubicBezTo>
                    <a:cubicBezTo>
                      <a:pt x="0" y="195"/>
                      <a:pt x="195" y="0"/>
                      <a:pt x="435" y="0"/>
                    </a:cubicBezTo>
                    <a:cubicBezTo>
                      <a:pt x="676" y="0"/>
                      <a:pt x="871" y="195"/>
                      <a:pt x="871" y="435"/>
                    </a:cubicBezTo>
                    <a:close/>
                  </a:path>
                </a:pathLst>
              </a:custGeom>
              <a:solidFill>
                <a:srgbClr val="224861"/>
              </a:solidFill>
              <a:ln w="17463" cap="flat">
                <a:noFill/>
                <a:prstDash val="solid"/>
                <a:miter lim="800000"/>
                <a:headEnd/>
                <a:tailEnd/>
              </a:ln>
              <a:effectLst>
                <a:outerShdw blurRad="279400" dist="38100" dir="2700000" algn="tl" rotWithShape="0">
                  <a:prstClr val="black">
                    <a:alpha val="22000"/>
                  </a:prstClr>
                </a:outerShdw>
              </a:effectLst>
            </p:spPr>
            <p:txBody>
              <a:bodyPr vert="horz" wrap="square" lIns="91440" tIns="45720" rIns="91440" bIns="45720" numCol="1" anchor="t" anchorCtr="0" compatLnSpc="1">
                <a:prstTxWarp prst="textNoShape">
                  <a:avLst/>
                </a:prstTxWarp>
              </a:bodyPr>
              <a:lstStyle/>
              <a:p>
                <a:endParaRPr lang="en-US" sz="2800" dirty="0">
                  <a:latin typeface="Times New Roman" panose="02020603050405020304" pitchFamily="18" charset="0"/>
                  <a:cs typeface="Times New Roman" panose="02020603050405020304" pitchFamily="18" charset="0"/>
                </a:endParaRPr>
              </a:p>
            </p:txBody>
          </p:sp>
          <p:grpSp>
            <p:nvGrpSpPr>
              <p:cNvPr id="37" name="Group 36">
                <a:extLst>
                  <a:ext uri="{FF2B5EF4-FFF2-40B4-BE49-F238E27FC236}">
                    <a16:creationId xmlns:a16="http://schemas.microsoft.com/office/drawing/2014/main" id="{9D44B65D-9B0F-4639-92C1-25EC8B62AA38}"/>
                  </a:ext>
                </a:extLst>
              </p:cNvPr>
              <p:cNvGrpSpPr/>
              <p:nvPr/>
            </p:nvGrpSpPr>
            <p:grpSpPr>
              <a:xfrm>
                <a:off x="5812403" y="4657435"/>
                <a:ext cx="746876" cy="754150"/>
                <a:chOff x="6007644" y="4546540"/>
                <a:chExt cx="746876" cy="754150"/>
              </a:xfrm>
            </p:grpSpPr>
            <p:sp>
              <p:nvSpPr>
                <p:cNvPr id="38" name="Oval 37">
                  <a:extLst>
                    <a:ext uri="{FF2B5EF4-FFF2-40B4-BE49-F238E27FC236}">
                      <a16:creationId xmlns:a16="http://schemas.microsoft.com/office/drawing/2014/main" id="{EB3C9395-0E65-4229-B4A6-6C137DC1A86E}"/>
                    </a:ext>
                  </a:extLst>
                </p:cNvPr>
                <p:cNvSpPr/>
                <p:nvPr/>
              </p:nvSpPr>
              <p:spPr>
                <a:xfrm rot="16200000">
                  <a:off x="6004007" y="4550177"/>
                  <a:ext cx="754150" cy="746876"/>
                </a:xfrm>
                <a:prstGeom prst="ellipse">
                  <a:avLst/>
                </a:prstGeom>
                <a:no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400" b="1" dirty="0">
                    <a:solidFill>
                      <a:schemeClr val="tx2"/>
                    </a:solidFill>
                  </a:endParaRPr>
                </a:p>
              </p:txBody>
            </p:sp>
            <p:grpSp>
              <p:nvGrpSpPr>
                <p:cNvPr id="39" name="Group 101">
                  <a:extLst>
                    <a:ext uri="{FF2B5EF4-FFF2-40B4-BE49-F238E27FC236}">
                      <a16:creationId xmlns:a16="http://schemas.microsoft.com/office/drawing/2014/main" id="{622CD0F4-9109-446B-A88C-CA194474485A}"/>
                    </a:ext>
                  </a:extLst>
                </p:cNvPr>
                <p:cNvGrpSpPr>
                  <a:grpSpLocks noChangeAspect="1"/>
                </p:cNvGrpSpPr>
                <p:nvPr/>
              </p:nvGrpSpPr>
              <p:grpSpPr bwMode="auto">
                <a:xfrm>
                  <a:off x="6157409" y="4706242"/>
                  <a:ext cx="461613" cy="462823"/>
                  <a:chOff x="4860" y="3091"/>
                  <a:chExt cx="762" cy="764"/>
                </a:xfrm>
                <a:solidFill>
                  <a:schemeClr val="bg1"/>
                </a:solidFill>
              </p:grpSpPr>
              <p:sp>
                <p:nvSpPr>
                  <p:cNvPr id="40" name="Freeform 102">
                    <a:extLst>
                      <a:ext uri="{FF2B5EF4-FFF2-40B4-BE49-F238E27FC236}">
                        <a16:creationId xmlns:a16="http://schemas.microsoft.com/office/drawing/2014/main" id="{82B07890-1034-41F9-9037-FF3658700078}"/>
                      </a:ext>
                    </a:extLst>
                  </p:cNvPr>
                  <p:cNvSpPr>
                    <a:spLocks/>
                  </p:cNvSpPr>
                  <p:nvPr/>
                </p:nvSpPr>
                <p:spPr bwMode="auto">
                  <a:xfrm>
                    <a:off x="5182" y="3357"/>
                    <a:ext cx="118" cy="241"/>
                  </a:xfrm>
                  <a:custGeom>
                    <a:avLst/>
                    <a:gdLst>
                      <a:gd name="T0" fmla="*/ 73 w 197"/>
                      <a:gd name="T1" fmla="*/ 120 h 400"/>
                      <a:gd name="T2" fmla="*/ 73 w 197"/>
                      <a:gd name="T3" fmla="*/ 120 h 400"/>
                      <a:gd name="T4" fmla="*/ 174 w 197"/>
                      <a:gd name="T5" fmla="*/ 120 h 400"/>
                      <a:gd name="T6" fmla="*/ 197 w 197"/>
                      <a:gd name="T7" fmla="*/ 100 h 400"/>
                      <a:gd name="T8" fmla="*/ 174 w 197"/>
                      <a:gd name="T9" fmla="*/ 80 h 400"/>
                      <a:gd name="T10" fmla="*/ 125 w 197"/>
                      <a:gd name="T11" fmla="*/ 80 h 400"/>
                      <a:gd name="T12" fmla="*/ 125 w 197"/>
                      <a:gd name="T13" fmla="*/ 23 h 400"/>
                      <a:gd name="T14" fmla="*/ 98 w 197"/>
                      <a:gd name="T15" fmla="*/ 0 h 400"/>
                      <a:gd name="T16" fmla="*/ 72 w 197"/>
                      <a:gd name="T17" fmla="*/ 23 h 400"/>
                      <a:gd name="T18" fmla="*/ 72 w 197"/>
                      <a:gd name="T19" fmla="*/ 80 h 400"/>
                      <a:gd name="T20" fmla="*/ 73 w 197"/>
                      <a:gd name="T21" fmla="*/ 80 h 400"/>
                      <a:gd name="T22" fmla="*/ 0 w 197"/>
                      <a:gd name="T23" fmla="*/ 153 h 400"/>
                      <a:gd name="T24" fmla="*/ 73 w 197"/>
                      <a:gd name="T25" fmla="*/ 227 h 400"/>
                      <a:gd name="T26" fmla="*/ 124 w 197"/>
                      <a:gd name="T27" fmla="*/ 227 h 400"/>
                      <a:gd name="T28" fmla="*/ 151 w 197"/>
                      <a:gd name="T29" fmla="*/ 253 h 400"/>
                      <a:gd name="T30" fmla="*/ 124 w 197"/>
                      <a:gd name="T31" fmla="*/ 280 h 400"/>
                      <a:gd name="T32" fmla="*/ 23 w 197"/>
                      <a:gd name="T33" fmla="*/ 280 h 400"/>
                      <a:gd name="T34" fmla="*/ 0 w 197"/>
                      <a:gd name="T35" fmla="*/ 300 h 400"/>
                      <a:gd name="T36" fmla="*/ 23 w 197"/>
                      <a:gd name="T37" fmla="*/ 320 h 400"/>
                      <a:gd name="T38" fmla="*/ 72 w 197"/>
                      <a:gd name="T39" fmla="*/ 320 h 400"/>
                      <a:gd name="T40" fmla="*/ 72 w 197"/>
                      <a:gd name="T41" fmla="*/ 376 h 400"/>
                      <a:gd name="T42" fmla="*/ 98 w 197"/>
                      <a:gd name="T43" fmla="*/ 400 h 400"/>
                      <a:gd name="T44" fmla="*/ 125 w 197"/>
                      <a:gd name="T45" fmla="*/ 376 h 400"/>
                      <a:gd name="T46" fmla="*/ 125 w 197"/>
                      <a:gd name="T47" fmla="*/ 320 h 400"/>
                      <a:gd name="T48" fmla="*/ 124 w 197"/>
                      <a:gd name="T49" fmla="*/ 320 h 400"/>
                      <a:gd name="T50" fmla="*/ 197 w 197"/>
                      <a:gd name="T51" fmla="*/ 247 h 400"/>
                      <a:gd name="T52" fmla="*/ 124 w 197"/>
                      <a:gd name="T53" fmla="*/ 173 h 400"/>
                      <a:gd name="T54" fmla="*/ 73 w 197"/>
                      <a:gd name="T55" fmla="*/ 173 h 400"/>
                      <a:gd name="T56" fmla="*/ 46 w 197"/>
                      <a:gd name="T57" fmla="*/ 147 h 400"/>
                      <a:gd name="T58" fmla="*/ 73 w 197"/>
                      <a:gd name="T59" fmla="*/ 120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97" h="400">
                        <a:moveTo>
                          <a:pt x="73" y="120"/>
                        </a:moveTo>
                        <a:lnTo>
                          <a:pt x="73" y="120"/>
                        </a:lnTo>
                        <a:lnTo>
                          <a:pt x="174" y="120"/>
                        </a:lnTo>
                        <a:cubicBezTo>
                          <a:pt x="187" y="120"/>
                          <a:pt x="197" y="113"/>
                          <a:pt x="197" y="100"/>
                        </a:cubicBezTo>
                        <a:cubicBezTo>
                          <a:pt x="197" y="87"/>
                          <a:pt x="187" y="80"/>
                          <a:pt x="174" y="80"/>
                        </a:cubicBezTo>
                        <a:lnTo>
                          <a:pt x="125" y="80"/>
                        </a:lnTo>
                        <a:lnTo>
                          <a:pt x="125" y="23"/>
                        </a:lnTo>
                        <a:cubicBezTo>
                          <a:pt x="125" y="11"/>
                          <a:pt x="111" y="0"/>
                          <a:pt x="98" y="0"/>
                        </a:cubicBezTo>
                        <a:cubicBezTo>
                          <a:pt x="86" y="0"/>
                          <a:pt x="72" y="11"/>
                          <a:pt x="72" y="23"/>
                        </a:cubicBezTo>
                        <a:lnTo>
                          <a:pt x="72" y="80"/>
                        </a:lnTo>
                        <a:lnTo>
                          <a:pt x="73" y="80"/>
                        </a:lnTo>
                        <a:cubicBezTo>
                          <a:pt x="33" y="80"/>
                          <a:pt x="0" y="113"/>
                          <a:pt x="0" y="153"/>
                        </a:cubicBezTo>
                        <a:cubicBezTo>
                          <a:pt x="0" y="194"/>
                          <a:pt x="33" y="227"/>
                          <a:pt x="73" y="227"/>
                        </a:cubicBezTo>
                        <a:lnTo>
                          <a:pt x="124" y="227"/>
                        </a:lnTo>
                        <a:cubicBezTo>
                          <a:pt x="139" y="227"/>
                          <a:pt x="151" y="238"/>
                          <a:pt x="151" y="253"/>
                        </a:cubicBezTo>
                        <a:cubicBezTo>
                          <a:pt x="151" y="268"/>
                          <a:pt x="139" y="280"/>
                          <a:pt x="124" y="280"/>
                        </a:cubicBezTo>
                        <a:lnTo>
                          <a:pt x="23" y="280"/>
                        </a:lnTo>
                        <a:cubicBezTo>
                          <a:pt x="10" y="280"/>
                          <a:pt x="0" y="287"/>
                          <a:pt x="0" y="300"/>
                        </a:cubicBezTo>
                        <a:cubicBezTo>
                          <a:pt x="0" y="313"/>
                          <a:pt x="10" y="320"/>
                          <a:pt x="23" y="320"/>
                        </a:cubicBezTo>
                        <a:lnTo>
                          <a:pt x="72" y="320"/>
                        </a:lnTo>
                        <a:lnTo>
                          <a:pt x="72" y="376"/>
                        </a:lnTo>
                        <a:cubicBezTo>
                          <a:pt x="72" y="389"/>
                          <a:pt x="86" y="400"/>
                          <a:pt x="98" y="400"/>
                        </a:cubicBezTo>
                        <a:cubicBezTo>
                          <a:pt x="111" y="400"/>
                          <a:pt x="125" y="389"/>
                          <a:pt x="125" y="376"/>
                        </a:cubicBezTo>
                        <a:lnTo>
                          <a:pt x="125" y="320"/>
                        </a:lnTo>
                        <a:lnTo>
                          <a:pt x="124" y="320"/>
                        </a:lnTo>
                        <a:cubicBezTo>
                          <a:pt x="164" y="320"/>
                          <a:pt x="197" y="287"/>
                          <a:pt x="197" y="247"/>
                        </a:cubicBezTo>
                        <a:cubicBezTo>
                          <a:pt x="197" y="206"/>
                          <a:pt x="164" y="173"/>
                          <a:pt x="124" y="173"/>
                        </a:cubicBezTo>
                        <a:lnTo>
                          <a:pt x="73" y="173"/>
                        </a:lnTo>
                        <a:cubicBezTo>
                          <a:pt x="58" y="173"/>
                          <a:pt x="46" y="161"/>
                          <a:pt x="46" y="147"/>
                        </a:cubicBezTo>
                        <a:cubicBezTo>
                          <a:pt x="46" y="132"/>
                          <a:pt x="58" y="120"/>
                          <a:pt x="73" y="12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41" name="Freeform 103">
                    <a:extLst>
                      <a:ext uri="{FF2B5EF4-FFF2-40B4-BE49-F238E27FC236}">
                        <a16:creationId xmlns:a16="http://schemas.microsoft.com/office/drawing/2014/main" id="{A27347A5-B071-4748-AB76-3FED00B6C592}"/>
                      </a:ext>
                    </a:extLst>
                  </p:cNvPr>
                  <p:cNvSpPr>
                    <a:spLocks noEditPoints="1"/>
                  </p:cNvSpPr>
                  <p:nvPr/>
                </p:nvSpPr>
                <p:spPr bwMode="auto">
                  <a:xfrm>
                    <a:off x="4860" y="3091"/>
                    <a:ext cx="762" cy="764"/>
                  </a:xfrm>
                  <a:custGeom>
                    <a:avLst/>
                    <a:gdLst>
                      <a:gd name="T0" fmla="*/ 1183 w 1263"/>
                      <a:gd name="T1" fmla="*/ 771 h 1266"/>
                      <a:gd name="T2" fmla="*/ 1183 w 1263"/>
                      <a:gd name="T3" fmla="*/ 705 h 1266"/>
                      <a:gd name="T4" fmla="*/ 871 w 1263"/>
                      <a:gd name="T5" fmla="*/ 743 h 1266"/>
                      <a:gd name="T6" fmla="*/ 528 w 1263"/>
                      <a:gd name="T7" fmla="*/ 880 h 1266"/>
                      <a:gd name="T8" fmla="*/ 528 w 1263"/>
                      <a:gd name="T9" fmla="*/ 400 h 1266"/>
                      <a:gd name="T10" fmla="*/ 871 w 1263"/>
                      <a:gd name="T11" fmla="*/ 743 h 1266"/>
                      <a:gd name="T12" fmla="*/ 59 w 1263"/>
                      <a:gd name="T13" fmla="*/ 548 h 1266"/>
                      <a:gd name="T14" fmla="*/ 104 w 1263"/>
                      <a:gd name="T15" fmla="*/ 501 h 1266"/>
                      <a:gd name="T16" fmla="*/ 725 w 1263"/>
                      <a:gd name="T17" fmla="*/ 46 h 1266"/>
                      <a:gd name="T18" fmla="*/ 725 w 1263"/>
                      <a:gd name="T19" fmla="*/ 113 h 1266"/>
                      <a:gd name="T20" fmla="*/ 1160 w 1263"/>
                      <a:gd name="T21" fmla="*/ 501 h 1266"/>
                      <a:gd name="T22" fmla="*/ 1216 w 1263"/>
                      <a:gd name="T23" fmla="*/ 525 h 1266"/>
                      <a:gd name="T24" fmla="*/ 1150 w 1263"/>
                      <a:gd name="T25" fmla="*/ 525 h 1266"/>
                      <a:gd name="T26" fmla="*/ 988 w 1263"/>
                      <a:gd name="T27" fmla="*/ 1150 h 1266"/>
                      <a:gd name="T28" fmla="*/ 991 w 1263"/>
                      <a:gd name="T29" fmla="*/ 1213 h 1266"/>
                      <a:gd name="T30" fmla="*/ 955 w 1263"/>
                      <a:gd name="T31" fmla="*/ 1182 h 1266"/>
                      <a:gd name="T32" fmla="*/ 275 w 1263"/>
                      <a:gd name="T33" fmla="*/ 1213 h 1266"/>
                      <a:gd name="T34" fmla="*/ 278 w 1263"/>
                      <a:gd name="T35" fmla="*/ 1149 h 1266"/>
                      <a:gd name="T36" fmla="*/ 86 w 1263"/>
                      <a:gd name="T37" fmla="*/ 1013 h 1266"/>
                      <a:gd name="T38" fmla="*/ 54 w 1263"/>
                      <a:gd name="T39" fmla="*/ 979 h 1266"/>
                      <a:gd name="T40" fmla="*/ 120 w 1263"/>
                      <a:gd name="T41" fmla="*/ 980 h 1266"/>
                      <a:gd name="T42" fmla="*/ 291 w 1263"/>
                      <a:gd name="T43" fmla="*/ 126 h 1266"/>
                      <a:gd name="T44" fmla="*/ 325 w 1263"/>
                      <a:gd name="T45" fmla="*/ 93 h 1266"/>
                      <a:gd name="T46" fmla="*/ 1183 w 1263"/>
                      <a:gd name="T47" fmla="*/ 657 h 1266"/>
                      <a:gd name="T48" fmla="*/ 911 w 1263"/>
                      <a:gd name="T49" fmla="*/ 552 h 1266"/>
                      <a:gd name="T50" fmla="*/ 1183 w 1263"/>
                      <a:gd name="T51" fmla="*/ 600 h 1266"/>
                      <a:gd name="T52" fmla="*/ 1107 w 1263"/>
                      <a:gd name="T53" fmla="*/ 498 h 1266"/>
                      <a:gd name="T54" fmla="*/ 751 w 1263"/>
                      <a:gd name="T55" fmla="*/ 155 h 1266"/>
                      <a:gd name="T56" fmla="*/ 645 w 1263"/>
                      <a:gd name="T57" fmla="*/ 80 h 1266"/>
                      <a:gd name="T58" fmla="*/ 578 w 1263"/>
                      <a:gd name="T59" fmla="*/ 360 h 1266"/>
                      <a:gd name="T60" fmla="*/ 551 w 1263"/>
                      <a:gd name="T61" fmla="*/ 75 h 1266"/>
                      <a:gd name="T62" fmla="*/ 291 w 1263"/>
                      <a:gd name="T63" fmla="*/ 13 h 1266"/>
                      <a:gd name="T64" fmla="*/ 362 w 1263"/>
                      <a:gd name="T65" fmla="*/ 131 h 1266"/>
                      <a:gd name="T66" fmla="*/ 525 w 1263"/>
                      <a:gd name="T67" fmla="*/ 128 h 1266"/>
                      <a:gd name="T68" fmla="*/ 155 w 1263"/>
                      <a:gd name="T69" fmla="*/ 498 h 1266"/>
                      <a:gd name="T70" fmla="*/ 0 w 1263"/>
                      <a:gd name="T71" fmla="*/ 525 h 1266"/>
                      <a:gd name="T72" fmla="*/ 80 w 1263"/>
                      <a:gd name="T73" fmla="*/ 605 h 1266"/>
                      <a:gd name="T74" fmla="*/ 351 w 1263"/>
                      <a:gd name="T75" fmla="*/ 694 h 1266"/>
                      <a:gd name="T76" fmla="*/ 65 w 1263"/>
                      <a:gd name="T77" fmla="*/ 701 h 1266"/>
                      <a:gd name="T78" fmla="*/ 58 w 1263"/>
                      <a:gd name="T79" fmla="*/ 905 h 1266"/>
                      <a:gd name="T80" fmla="*/ 88 w 1263"/>
                      <a:gd name="T81" fmla="*/ 1053 h 1266"/>
                      <a:gd name="T82" fmla="*/ 145 w 1263"/>
                      <a:gd name="T83" fmla="*/ 923 h 1266"/>
                      <a:gd name="T84" fmla="*/ 342 w 1263"/>
                      <a:gd name="T85" fmla="*/ 746 h 1266"/>
                      <a:gd name="T86" fmla="*/ 512 w 1263"/>
                      <a:gd name="T87" fmla="*/ 924 h 1266"/>
                      <a:gd name="T88" fmla="*/ 357 w 1263"/>
                      <a:gd name="T89" fmla="*/ 1160 h 1266"/>
                      <a:gd name="T90" fmla="*/ 278 w 1263"/>
                      <a:gd name="T91" fmla="*/ 1104 h 1266"/>
                      <a:gd name="T92" fmla="*/ 278 w 1263"/>
                      <a:gd name="T93" fmla="*/ 1266 h 1266"/>
                      <a:gd name="T94" fmla="*/ 538 w 1263"/>
                      <a:gd name="T95" fmla="*/ 1213 h 1266"/>
                      <a:gd name="T96" fmla="*/ 565 w 1263"/>
                      <a:gd name="T97" fmla="*/ 1189 h 1266"/>
                      <a:gd name="T98" fmla="*/ 702 w 1263"/>
                      <a:gd name="T99" fmla="*/ 920 h 1266"/>
                      <a:gd name="T100" fmla="*/ 709 w 1263"/>
                      <a:gd name="T101" fmla="*/ 1205 h 1266"/>
                      <a:gd name="T102" fmla="*/ 909 w 1263"/>
                      <a:gd name="T103" fmla="*/ 1213 h 1266"/>
                      <a:gd name="T104" fmla="*/ 988 w 1263"/>
                      <a:gd name="T105" fmla="*/ 1266 h 1266"/>
                      <a:gd name="T106" fmla="*/ 988 w 1263"/>
                      <a:gd name="T107" fmla="*/ 1104 h 1266"/>
                      <a:gd name="T108" fmla="*/ 909 w 1263"/>
                      <a:gd name="T109" fmla="*/ 1160 h 1266"/>
                      <a:gd name="T110" fmla="*/ 755 w 1263"/>
                      <a:gd name="T111" fmla="*/ 923 h 1266"/>
                      <a:gd name="T112" fmla="*/ 1183 w 1263"/>
                      <a:gd name="T113" fmla="*/ 813 h 1266"/>
                      <a:gd name="T114" fmla="*/ 1183 w 1263"/>
                      <a:gd name="T115" fmla="*/ 657 h 1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263" h="1266">
                        <a:moveTo>
                          <a:pt x="1207" y="762"/>
                        </a:moveTo>
                        <a:lnTo>
                          <a:pt x="1207" y="762"/>
                        </a:lnTo>
                        <a:cubicBezTo>
                          <a:pt x="1200" y="768"/>
                          <a:pt x="1192" y="771"/>
                          <a:pt x="1183" y="771"/>
                        </a:cubicBezTo>
                        <a:cubicBezTo>
                          <a:pt x="1165" y="771"/>
                          <a:pt x="1150" y="756"/>
                          <a:pt x="1150" y="738"/>
                        </a:cubicBezTo>
                        <a:cubicBezTo>
                          <a:pt x="1150" y="729"/>
                          <a:pt x="1153" y="721"/>
                          <a:pt x="1160" y="715"/>
                        </a:cubicBezTo>
                        <a:cubicBezTo>
                          <a:pt x="1166" y="708"/>
                          <a:pt x="1174" y="705"/>
                          <a:pt x="1183" y="705"/>
                        </a:cubicBezTo>
                        <a:cubicBezTo>
                          <a:pt x="1202" y="705"/>
                          <a:pt x="1216" y="720"/>
                          <a:pt x="1216" y="738"/>
                        </a:cubicBezTo>
                        <a:cubicBezTo>
                          <a:pt x="1216" y="747"/>
                          <a:pt x="1213" y="755"/>
                          <a:pt x="1207" y="762"/>
                        </a:cubicBezTo>
                        <a:close/>
                        <a:moveTo>
                          <a:pt x="871" y="743"/>
                        </a:moveTo>
                        <a:lnTo>
                          <a:pt x="871" y="743"/>
                        </a:lnTo>
                        <a:cubicBezTo>
                          <a:pt x="871" y="819"/>
                          <a:pt x="810" y="880"/>
                          <a:pt x="735" y="880"/>
                        </a:cubicBezTo>
                        <a:lnTo>
                          <a:pt x="528" y="880"/>
                        </a:lnTo>
                        <a:cubicBezTo>
                          <a:pt x="453" y="880"/>
                          <a:pt x="391" y="819"/>
                          <a:pt x="391" y="743"/>
                        </a:cubicBezTo>
                        <a:lnTo>
                          <a:pt x="391" y="536"/>
                        </a:lnTo>
                        <a:cubicBezTo>
                          <a:pt x="391" y="461"/>
                          <a:pt x="453" y="400"/>
                          <a:pt x="528" y="400"/>
                        </a:cubicBezTo>
                        <a:lnTo>
                          <a:pt x="735" y="400"/>
                        </a:lnTo>
                        <a:cubicBezTo>
                          <a:pt x="810" y="400"/>
                          <a:pt x="871" y="461"/>
                          <a:pt x="871" y="536"/>
                        </a:cubicBezTo>
                        <a:lnTo>
                          <a:pt x="871" y="743"/>
                        </a:lnTo>
                        <a:close/>
                        <a:moveTo>
                          <a:pt x="83" y="558"/>
                        </a:moveTo>
                        <a:lnTo>
                          <a:pt x="83" y="558"/>
                        </a:lnTo>
                        <a:cubicBezTo>
                          <a:pt x="71" y="558"/>
                          <a:pt x="65" y="554"/>
                          <a:pt x="59" y="548"/>
                        </a:cubicBezTo>
                        <a:cubicBezTo>
                          <a:pt x="52" y="542"/>
                          <a:pt x="46" y="534"/>
                          <a:pt x="46" y="525"/>
                        </a:cubicBezTo>
                        <a:cubicBezTo>
                          <a:pt x="47" y="506"/>
                          <a:pt x="61" y="491"/>
                          <a:pt x="80" y="491"/>
                        </a:cubicBezTo>
                        <a:cubicBezTo>
                          <a:pt x="89" y="491"/>
                          <a:pt x="98" y="495"/>
                          <a:pt x="104" y="501"/>
                        </a:cubicBezTo>
                        <a:cubicBezTo>
                          <a:pt x="110" y="508"/>
                          <a:pt x="114" y="516"/>
                          <a:pt x="114" y="525"/>
                        </a:cubicBezTo>
                        <a:cubicBezTo>
                          <a:pt x="114" y="543"/>
                          <a:pt x="101" y="557"/>
                          <a:pt x="83" y="558"/>
                        </a:cubicBezTo>
                        <a:close/>
                        <a:moveTo>
                          <a:pt x="725" y="46"/>
                        </a:moveTo>
                        <a:lnTo>
                          <a:pt x="725" y="46"/>
                        </a:lnTo>
                        <a:cubicBezTo>
                          <a:pt x="743" y="46"/>
                          <a:pt x="758" y="61"/>
                          <a:pt x="758" y="80"/>
                        </a:cubicBezTo>
                        <a:cubicBezTo>
                          <a:pt x="758" y="98"/>
                          <a:pt x="743" y="113"/>
                          <a:pt x="725" y="113"/>
                        </a:cubicBezTo>
                        <a:cubicBezTo>
                          <a:pt x="706" y="113"/>
                          <a:pt x="691" y="98"/>
                          <a:pt x="691" y="80"/>
                        </a:cubicBezTo>
                        <a:cubicBezTo>
                          <a:pt x="691" y="61"/>
                          <a:pt x="706" y="46"/>
                          <a:pt x="725" y="46"/>
                        </a:cubicBezTo>
                        <a:close/>
                        <a:moveTo>
                          <a:pt x="1160" y="501"/>
                        </a:moveTo>
                        <a:lnTo>
                          <a:pt x="1160" y="501"/>
                        </a:lnTo>
                        <a:cubicBezTo>
                          <a:pt x="1166" y="495"/>
                          <a:pt x="1174" y="491"/>
                          <a:pt x="1183" y="491"/>
                        </a:cubicBezTo>
                        <a:cubicBezTo>
                          <a:pt x="1202" y="491"/>
                          <a:pt x="1216" y="506"/>
                          <a:pt x="1216" y="525"/>
                        </a:cubicBezTo>
                        <a:cubicBezTo>
                          <a:pt x="1216" y="534"/>
                          <a:pt x="1213" y="542"/>
                          <a:pt x="1207" y="548"/>
                        </a:cubicBezTo>
                        <a:cubicBezTo>
                          <a:pt x="1200" y="555"/>
                          <a:pt x="1192" y="558"/>
                          <a:pt x="1183" y="558"/>
                        </a:cubicBezTo>
                        <a:cubicBezTo>
                          <a:pt x="1165" y="558"/>
                          <a:pt x="1150" y="543"/>
                          <a:pt x="1150" y="525"/>
                        </a:cubicBezTo>
                        <a:cubicBezTo>
                          <a:pt x="1150" y="516"/>
                          <a:pt x="1153" y="508"/>
                          <a:pt x="1160" y="501"/>
                        </a:cubicBezTo>
                        <a:close/>
                        <a:moveTo>
                          <a:pt x="988" y="1150"/>
                        </a:moveTo>
                        <a:lnTo>
                          <a:pt x="988" y="1150"/>
                        </a:lnTo>
                        <a:cubicBezTo>
                          <a:pt x="997" y="1150"/>
                          <a:pt x="1006" y="1154"/>
                          <a:pt x="1012" y="1160"/>
                        </a:cubicBezTo>
                        <a:cubicBezTo>
                          <a:pt x="1019" y="1166"/>
                          <a:pt x="1023" y="1173"/>
                          <a:pt x="1023" y="1182"/>
                        </a:cubicBezTo>
                        <a:cubicBezTo>
                          <a:pt x="1023" y="1200"/>
                          <a:pt x="1005" y="1213"/>
                          <a:pt x="991" y="1213"/>
                        </a:cubicBezTo>
                        <a:lnTo>
                          <a:pt x="990" y="1213"/>
                        </a:lnTo>
                        <a:cubicBezTo>
                          <a:pt x="981" y="1213"/>
                          <a:pt x="971" y="1211"/>
                          <a:pt x="964" y="1205"/>
                        </a:cubicBezTo>
                        <a:cubicBezTo>
                          <a:pt x="958" y="1199"/>
                          <a:pt x="955" y="1191"/>
                          <a:pt x="955" y="1182"/>
                        </a:cubicBezTo>
                        <a:cubicBezTo>
                          <a:pt x="955" y="1164"/>
                          <a:pt x="970" y="1150"/>
                          <a:pt x="988" y="1150"/>
                        </a:cubicBezTo>
                        <a:close/>
                        <a:moveTo>
                          <a:pt x="275" y="1213"/>
                        </a:moveTo>
                        <a:lnTo>
                          <a:pt x="275" y="1213"/>
                        </a:lnTo>
                        <a:lnTo>
                          <a:pt x="271" y="1213"/>
                        </a:lnTo>
                        <a:cubicBezTo>
                          <a:pt x="258" y="1213"/>
                          <a:pt x="241" y="1200"/>
                          <a:pt x="241" y="1182"/>
                        </a:cubicBezTo>
                        <a:cubicBezTo>
                          <a:pt x="241" y="1163"/>
                          <a:pt x="259" y="1149"/>
                          <a:pt x="278" y="1149"/>
                        </a:cubicBezTo>
                        <a:cubicBezTo>
                          <a:pt x="296" y="1149"/>
                          <a:pt x="310" y="1163"/>
                          <a:pt x="310" y="1181"/>
                        </a:cubicBezTo>
                        <a:cubicBezTo>
                          <a:pt x="310" y="1199"/>
                          <a:pt x="293" y="1213"/>
                          <a:pt x="275" y="1213"/>
                        </a:cubicBezTo>
                        <a:close/>
                        <a:moveTo>
                          <a:pt x="86" y="1013"/>
                        </a:moveTo>
                        <a:lnTo>
                          <a:pt x="86" y="1013"/>
                        </a:lnTo>
                        <a:cubicBezTo>
                          <a:pt x="77" y="1013"/>
                          <a:pt x="70" y="1009"/>
                          <a:pt x="64" y="1003"/>
                        </a:cubicBezTo>
                        <a:cubicBezTo>
                          <a:pt x="58" y="997"/>
                          <a:pt x="54" y="988"/>
                          <a:pt x="54" y="979"/>
                        </a:cubicBezTo>
                        <a:cubicBezTo>
                          <a:pt x="55" y="961"/>
                          <a:pt x="69" y="946"/>
                          <a:pt x="88" y="946"/>
                        </a:cubicBezTo>
                        <a:cubicBezTo>
                          <a:pt x="97" y="946"/>
                          <a:pt x="104" y="950"/>
                          <a:pt x="111" y="956"/>
                        </a:cubicBezTo>
                        <a:cubicBezTo>
                          <a:pt x="117" y="962"/>
                          <a:pt x="120" y="971"/>
                          <a:pt x="120" y="980"/>
                        </a:cubicBezTo>
                        <a:cubicBezTo>
                          <a:pt x="120" y="998"/>
                          <a:pt x="112" y="1012"/>
                          <a:pt x="86" y="1013"/>
                        </a:cubicBezTo>
                        <a:close/>
                        <a:moveTo>
                          <a:pt x="291" y="126"/>
                        </a:moveTo>
                        <a:lnTo>
                          <a:pt x="291" y="126"/>
                        </a:lnTo>
                        <a:cubicBezTo>
                          <a:pt x="273" y="126"/>
                          <a:pt x="258" y="112"/>
                          <a:pt x="258" y="93"/>
                        </a:cubicBezTo>
                        <a:cubicBezTo>
                          <a:pt x="258" y="75"/>
                          <a:pt x="273" y="60"/>
                          <a:pt x="291" y="60"/>
                        </a:cubicBezTo>
                        <a:cubicBezTo>
                          <a:pt x="310" y="60"/>
                          <a:pt x="325" y="75"/>
                          <a:pt x="325" y="93"/>
                        </a:cubicBezTo>
                        <a:cubicBezTo>
                          <a:pt x="325" y="112"/>
                          <a:pt x="310" y="126"/>
                          <a:pt x="291" y="126"/>
                        </a:cubicBezTo>
                        <a:close/>
                        <a:moveTo>
                          <a:pt x="1183" y="657"/>
                        </a:moveTo>
                        <a:lnTo>
                          <a:pt x="1183" y="657"/>
                        </a:lnTo>
                        <a:cubicBezTo>
                          <a:pt x="1147" y="657"/>
                          <a:pt x="1115" y="680"/>
                          <a:pt x="1104" y="711"/>
                        </a:cubicBezTo>
                        <a:lnTo>
                          <a:pt x="911" y="712"/>
                        </a:lnTo>
                        <a:lnTo>
                          <a:pt x="911" y="552"/>
                        </a:lnTo>
                        <a:lnTo>
                          <a:pt x="1106" y="551"/>
                        </a:lnTo>
                        <a:cubicBezTo>
                          <a:pt x="1118" y="580"/>
                          <a:pt x="1149" y="600"/>
                          <a:pt x="1183" y="600"/>
                        </a:cubicBezTo>
                        <a:lnTo>
                          <a:pt x="1183" y="600"/>
                        </a:lnTo>
                        <a:cubicBezTo>
                          <a:pt x="1227" y="600"/>
                          <a:pt x="1263" y="566"/>
                          <a:pt x="1263" y="522"/>
                        </a:cubicBezTo>
                        <a:cubicBezTo>
                          <a:pt x="1263" y="478"/>
                          <a:pt x="1227" y="444"/>
                          <a:pt x="1183" y="444"/>
                        </a:cubicBezTo>
                        <a:cubicBezTo>
                          <a:pt x="1147" y="444"/>
                          <a:pt x="1117" y="466"/>
                          <a:pt x="1107" y="498"/>
                        </a:cubicBezTo>
                        <a:lnTo>
                          <a:pt x="912" y="498"/>
                        </a:lnTo>
                        <a:cubicBezTo>
                          <a:pt x="895" y="422"/>
                          <a:pt x="831" y="364"/>
                          <a:pt x="751" y="356"/>
                        </a:cubicBezTo>
                        <a:lnTo>
                          <a:pt x="751" y="155"/>
                        </a:lnTo>
                        <a:cubicBezTo>
                          <a:pt x="783" y="144"/>
                          <a:pt x="805" y="115"/>
                          <a:pt x="805" y="80"/>
                        </a:cubicBezTo>
                        <a:cubicBezTo>
                          <a:pt x="805" y="36"/>
                          <a:pt x="769" y="0"/>
                          <a:pt x="725" y="0"/>
                        </a:cubicBezTo>
                        <a:cubicBezTo>
                          <a:pt x="681" y="0"/>
                          <a:pt x="645" y="36"/>
                          <a:pt x="645" y="80"/>
                        </a:cubicBezTo>
                        <a:cubicBezTo>
                          <a:pt x="645" y="115"/>
                          <a:pt x="667" y="144"/>
                          <a:pt x="698" y="155"/>
                        </a:cubicBezTo>
                        <a:lnTo>
                          <a:pt x="698" y="360"/>
                        </a:lnTo>
                        <a:lnTo>
                          <a:pt x="578" y="360"/>
                        </a:lnTo>
                        <a:lnTo>
                          <a:pt x="578" y="101"/>
                        </a:lnTo>
                        <a:cubicBezTo>
                          <a:pt x="578" y="94"/>
                          <a:pt x="575" y="88"/>
                          <a:pt x="570" y="83"/>
                        </a:cubicBezTo>
                        <a:cubicBezTo>
                          <a:pt x="565" y="78"/>
                          <a:pt x="559" y="75"/>
                          <a:pt x="551" y="75"/>
                        </a:cubicBezTo>
                        <a:lnTo>
                          <a:pt x="370" y="77"/>
                        </a:lnTo>
                        <a:cubicBezTo>
                          <a:pt x="370" y="77"/>
                          <a:pt x="370" y="77"/>
                          <a:pt x="370" y="77"/>
                        </a:cubicBezTo>
                        <a:cubicBezTo>
                          <a:pt x="362" y="41"/>
                          <a:pt x="330" y="13"/>
                          <a:pt x="291" y="13"/>
                        </a:cubicBezTo>
                        <a:cubicBezTo>
                          <a:pt x="247" y="13"/>
                          <a:pt x="211" y="49"/>
                          <a:pt x="211" y="93"/>
                        </a:cubicBezTo>
                        <a:cubicBezTo>
                          <a:pt x="211" y="137"/>
                          <a:pt x="247" y="173"/>
                          <a:pt x="291" y="173"/>
                        </a:cubicBezTo>
                        <a:cubicBezTo>
                          <a:pt x="322" y="173"/>
                          <a:pt x="348" y="156"/>
                          <a:pt x="362" y="131"/>
                        </a:cubicBezTo>
                        <a:cubicBezTo>
                          <a:pt x="364" y="132"/>
                          <a:pt x="367" y="133"/>
                          <a:pt x="370" y="133"/>
                        </a:cubicBezTo>
                        <a:lnTo>
                          <a:pt x="371" y="133"/>
                        </a:lnTo>
                        <a:lnTo>
                          <a:pt x="525" y="128"/>
                        </a:lnTo>
                        <a:lnTo>
                          <a:pt x="525" y="355"/>
                        </a:lnTo>
                        <a:cubicBezTo>
                          <a:pt x="440" y="357"/>
                          <a:pt x="369" y="418"/>
                          <a:pt x="351" y="498"/>
                        </a:cubicBezTo>
                        <a:lnTo>
                          <a:pt x="155" y="498"/>
                        </a:lnTo>
                        <a:cubicBezTo>
                          <a:pt x="151" y="487"/>
                          <a:pt x="145" y="477"/>
                          <a:pt x="136" y="468"/>
                        </a:cubicBezTo>
                        <a:cubicBezTo>
                          <a:pt x="121" y="453"/>
                          <a:pt x="101" y="445"/>
                          <a:pt x="80" y="445"/>
                        </a:cubicBezTo>
                        <a:cubicBezTo>
                          <a:pt x="36" y="445"/>
                          <a:pt x="0" y="481"/>
                          <a:pt x="0" y="525"/>
                        </a:cubicBezTo>
                        <a:cubicBezTo>
                          <a:pt x="0" y="546"/>
                          <a:pt x="8" y="566"/>
                          <a:pt x="23" y="581"/>
                        </a:cubicBezTo>
                        <a:cubicBezTo>
                          <a:pt x="38" y="596"/>
                          <a:pt x="58" y="605"/>
                          <a:pt x="80" y="605"/>
                        </a:cubicBezTo>
                        <a:lnTo>
                          <a:pt x="80" y="605"/>
                        </a:lnTo>
                        <a:cubicBezTo>
                          <a:pt x="115" y="605"/>
                          <a:pt x="147" y="582"/>
                          <a:pt x="158" y="551"/>
                        </a:cubicBezTo>
                        <a:lnTo>
                          <a:pt x="351" y="552"/>
                        </a:lnTo>
                        <a:lnTo>
                          <a:pt x="351" y="694"/>
                        </a:lnTo>
                        <a:cubicBezTo>
                          <a:pt x="351" y="694"/>
                          <a:pt x="346" y="694"/>
                          <a:pt x="345" y="694"/>
                        </a:cubicBezTo>
                        <a:lnTo>
                          <a:pt x="85" y="693"/>
                        </a:lnTo>
                        <a:cubicBezTo>
                          <a:pt x="78" y="693"/>
                          <a:pt x="70" y="696"/>
                          <a:pt x="65" y="701"/>
                        </a:cubicBezTo>
                        <a:cubicBezTo>
                          <a:pt x="60" y="706"/>
                          <a:pt x="57" y="714"/>
                          <a:pt x="57" y="721"/>
                        </a:cubicBezTo>
                        <a:lnTo>
                          <a:pt x="58" y="904"/>
                        </a:lnTo>
                        <a:lnTo>
                          <a:pt x="58" y="905"/>
                        </a:lnTo>
                        <a:cubicBezTo>
                          <a:pt x="31" y="916"/>
                          <a:pt x="8" y="944"/>
                          <a:pt x="8" y="978"/>
                        </a:cubicBezTo>
                        <a:cubicBezTo>
                          <a:pt x="8" y="999"/>
                          <a:pt x="16" y="1018"/>
                          <a:pt x="31" y="1033"/>
                        </a:cubicBezTo>
                        <a:cubicBezTo>
                          <a:pt x="46" y="1048"/>
                          <a:pt x="66" y="1053"/>
                          <a:pt x="88" y="1053"/>
                        </a:cubicBezTo>
                        <a:lnTo>
                          <a:pt x="88" y="1053"/>
                        </a:lnTo>
                        <a:cubicBezTo>
                          <a:pt x="132" y="1053"/>
                          <a:pt x="168" y="1020"/>
                          <a:pt x="168" y="976"/>
                        </a:cubicBezTo>
                        <a:cubicBezTo>
                          <a:pt x="168" y="955"/>
                          <a:pt x="160" y="938"/>
                          <a:pt x="145" y="923"/>
                        </a:cubicBezTo>
                        <a:cubicBezTo>
                          <a:pt x="135" y="913"/>
                          <a:pt x="124" y="906"/>
                          <a:pt x="111" y="902"/>
                        </a:cubicBezTo>
                        <a:lnTo>
                          <a:pt x="110" y="746"/>
                        </a:lnTo>
                        <a:lnTo>
                          <a:pt x="342" y="746"/>
                        </a:lnTo>
                        <a:lnTo>
                          <a:pt x="342" y="746"/>
                        </a:lnTo>
                        <a:cubicBezTo>
                          <a:pt x="344" y="746"/>
                          <a:pt x="345" y="746"/>
                          <a:pt x="347" y="746"/>
                        </a:cubicBezTo>
                        <a:cubicBezTo>
                          <a:pt x="349" y="839"/>
                          <a:pt x="421" y="915"/>
                          <a:pt x="512" y="924"/>
                        </a:cubicBezTo>
                        <a:cubicBezTo>
                          <a:pt x="511" y="926"/>
                          <a:pt x="510" y="929"/>
                          <a:pt x="510" y="931"/>
                        </a:cubicBezTo>
                        <a:lnTo>
                          <a:pt x="511" y="1161"/>
                        </a:lnTo>
                        <a:lnTo>
                          <a:pt x="357" y="1160"/>
                        </a:lnTo>
                        <a:lnTo>
                          <a:pt x="357" y="1160"/>
                        </a:lnTo>
                        <a:cubicBezTo>
                          <a:pt x="356" y="1160"/>
                          <a:pt x="355" y="1160"/>
                          <a:pt x="354" y="1160"/>
                        </a:cubicBezTo>
                        <a:cubicBezTo>
                          <a:pt x="343" y="1128"/>
                          <a:pt x="313" y="1104"/>
                          <a:pt x="278" y="1104"/>
                        </a:cubicBezTo>
                        <a:cubicBezTo>
                          <a:pt x="234" y="1104"/>
                          <a:pt x="198" y="1141"/>
                          <a:pt x="198" y="1185"/>
                        </a:cubicBezTo>
                        <a:cubicBezTo>
                          <a:pt x="198" y="1229"/>
                          <a:pt x="234" y="1266"/>
                          <a:pt x="278" y="1266"/>
                        </a:cubicBezTo>
                        <a:lnTo>
                          <a:pt x="278" y="1266"/>
                        </a:lnTo>
                        <a:cubicBezTo>
                          <a:pt x="313" y="1266"/>
                          <a:pt x="342" y="1244"/>
                          <a:pt x="353" y="1213"/>
                        </a:cubicBezTo>
                        <a:cubicBezTo>
                          <a:pt x="354" y="1213"/>
                          <a:pt x="355" y="1213"/>
                          <a:pt x="357" y="1213"/>
                        </a:cubicBezTo>
                        <a:lnTo>
                          <a:pt x="538" y="1213"/>
                        </a:lnTo>
                        <a:lnTo>
                          <a:pt x="538" y="1213"/>
                        </a:lnTo>
                        <a:cubicBezTo>
                          <a:pt x="545" y="1213"/>
                          <a:pt x="552" y="1212"/>
                          <a:pt x="557" y="1207"/>
                        </a:cubicBezTo>
                        <a:cubicBezTo>
                          <a:pt x="562" y="1202"/>
                          <a:pt x="565" y="1196"/>
                          <a:pt x="565" y="1189"/>
                        </a:cubicBezTo>
                        <a:lnTo>
                          <a:pt x="564" y="929"/>
                        </a:lnTo>
                        <a:cubicBezTo>
                          <a:pt x="564" y="926"/>
                          <a:pt x="563" y="933"/>
                          <a:pt x="563" y="920"/>
                        </a:cubicBezTo>
                        <a:lnTo>
                          <a:pt x="702" y="920"/>
                        </a:lnTo>
                        <a:cubicBezTo>
                          <a:pt x="702" y="920"/>
                          <a:pt x="702" y="925"/>
                          <a:pt x="702" y="927"/>
                        </a:cubicBezTo>
                        <a:lnTo>
                          <a:pt x="701" y="1186"/>
                        </a:lnTo>
                        <a:cubicBezTo>
                          <a:pt x="701" y="1193"/>
                          <a:pt x="704" y="1200"/>
                          <a:pt x="709" y="1205"/>
                        </a:cubicBezTo>
                        <a:cubicBezTo>
                          <a:pt x="714" y="1210"/>
                          <a:pt x="721" y="1213"/>
                          <a:pt x="728" y="1213"/>
                        </a:cubicBezTo>
                        <a:lnTo>
                          <a:pt x="728" y="1213"/>
                        </a:lnTo>
                        <a:lnTo>
                          <a:pt x="909" y="1213"/>
                        </a:lnTo>
                        <a:cubicBezTo>
                          <a:pt x="910" y="1213"/>
                          <a:pt x="912" y="1213"/>
                          <a:pt x="913" y="1213"/>
                        </a:cubicBezTo>
                        <a:cubicBezTo>
                          <a:pt x="917" y="1223"/>
                          <a:pt x="923" y="1233"/>
                          <a:pt x="931" y="1241"/>
                        </a:cubicBezTo>
                        <a:cubicBezTo>
                          <a:pt x="946" y="1257"/>
                          <a:pt x="966" y="1266"/>
                          <a:pt x="988" y="1266"/>
                        </a:cubicBezTo>
                        <a:lnTo>
                          <a:pt x="988" y="1266"/>
                        </a:lnTo>
                        <a:cubicBezTo>
                          <a:pt x="1032" y="1266"/>
                          <a:pt x="1068" y="1229"/>
                          <a:pt x="1068" y="1185"/>
                        </a:cubicBezTo>
                        <a:cubicBezTo>
                          <a:pt x="1068" y="1141"/>
                          <a:pt x="1032" y="1104"/>
                          <a:pt x="988" y="1104"/>
                        </a:cubicBezTo>
                        <a:cubicBezTo>
                          <a:pt x="952" y="1104"/>
                          <a:pt x="922" y="1128"/>
                          <a:pt x="912" y="1160"/>
                        </a:cubicBezTo>
                        <a:cubicBezTo>
                          <a:pt x="911" y="1160"/>
                          <a:pt x="910" y="1160"/>
                          <a:pt x="909" y="1160"/>
                        </a:cubicBezTo>
                        <a:lnTo>
                          <a:pt x="909" y="1160"/>
                        </a:lnTo>
                        <a:lnTo>
                          <a:pt x="755" y="1161"/>
                        </a:lnTo>
                        <a:lnTo>
                          <a:pt x="755" y="929"/>
                        </a:lnTo>
                        <a:cubicBezTo>
                          <a:pt x="755" y="927"/>
                          <a:pt x="755" y="925"/>
                          <a:pt x="755" y="923"/>
                        </a:cubicBezTo>
                        <a:cubicBezTo>
                          <a:pt x="838" y="914"/>
                          <a:pt x="904" y="848"/>
                          <a:pt x="915" y="765"/>
                        </a:cubicBezTo>
                        <a:lnTo>
                          <a:pt x="1109" y="765"/>
                        </a:lnTo>
                        <a:cubicBezTo>
                          <a:pt x="1121" y="794"/>
                          <a:pt x="1149" y="813"/>
                          <a:pt x="1183" y="813"/>
                        </a:cubicBezTo>
                        <a:lnTo>
                          <a:pt x="1183" y="813"/>
                        </a:lnTo>
                        <a:cubicBezTo>
                          <a:pt x="1227" y="813"/>
                          <a:pt x="1263" y="779"/>
                          <a:pt x="1263" y="735"/>
                        </a:cubicBezTo>
                        <a:cubicBezTo>
                          <a:pt x="1263" y="691"/>
                          <a:pt x="1227" y="657"/>
                          <a:pt x="1183" y="657"/>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grpSp>
        </p:grpSp>
      </p:grpSp>
      <p:graphicFrame>
        <p:nvGraphicFramePr>
          <p:cNvPr id="53" name="Content Placeholder 52">
            <a:extLst>
              <a:ext uri="{FF2B5EF4-FFF2-40B4-BE49-F238E27FC236}">
                <a16:creationId xmlns:a16="http://schemas.microsoft.com/office/drawing/2014/main" id="{659DD617-1A65-40D1-92AD-BD33A6ED4AC9}"/>
              </a:ext>
            </a:extLst>
          </p:cNvPr>
          <p:cNvGraphicFramePr>
            <a:graphicFrameLocks noGrp="1"/>
          </p:cNvGraphicFramePr>
          <p:nvPr>
            <p:ph sz="quarter" idx="12"/>
            <p:extLst>
              <p:ext uri="{D42A27DB-BD31-4B8C-83A1-F6EECF244321}">
                <p14:modId xmlns:p14="http://schemas.microsoft.com/office/powerpoint/2010/main" val="1525822582"/>
              </p:ext>
            </p:extLst>
          </p:nvPr>
        </p:nvGraphicFramePr>
        <p:xfrm>
          <a:off x="4509192" y="1720023"/>
          <a:ext cx="9377610" cy="545305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custDataLst>
      <p:tags r:id="rId1"/>
    </p:custDataLst>
    <p:extLst>
      <p:ext uri="{BB962C8B-B14F-4D97-AF65-F5344CB8AC3E}">
        <p14:creationId xmlns:p14="http://schemas.microsoft.com/office/powerpoint/2010/main" val="357658962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90E838E4-68B5-4401-9104-43FBC9AF3E2C}"/>
              </a:ext>
            </a:extLst>
          </p:cNvPr>
          <p:cNvSpPr>
            <a:spLocks noGrp="1"/>
          </p:cNvSpPr>
          <p:nvPr>
            <p:ph type="title"/>
          </p:nvPr>
        </p:nvSpPr>
        <p:spPr/>
        <p:txBody>
          <a:bodyPr/>
          <a:lstStyle/>
          <a:p>
            <a:r>
              <a:rPr lang="en-US" sz="2800" dirty="0"/>
              <a:t>Step 3: Finalize Requirements and Create an RFP/Q</a:t>
            </a:r>
          </a:p>
        </p:txBody>
      </p:sp>
      <p:sp>
        <p:nvSpPr>
          <p:cNvPr id="5" name="Content Placeholder 4">
            <a:extLst>
              <a:ext uri="{FF2B5EF4-FFF2-40B4-BE49-F238E27FC236}">
                <a16:creationId xmlns:a16="http://schemas.microsoft.com/office/drawing/2014/main" id="{A85142F3-E39D-4BE0-AEDF-28286A688FBF}"/>
              </a:ext>
            </a:extLst>
          </p:cNvPr>
          <p:cNvSpPr>
            <a:spLocks noGrp="1"/>
          </p:cNvSpPr>
          <p:nvPr>
            <p:ph sz="quarter" idx="11"/>
          </p:nvPr>
        </p:nvSpPr>
        <p:spPr>
          <a:xfrm>
            <a:off x="764781" y="1654606"/>
            <a:ext cx="7930040" cy="4745736"/>
          </a:xfrm>
        </p:spPr>
        <p:txBody>
          <a:bodyPr/>
          <a:lstStyle/>
          <a:p>
            <a:pPr marL="0">
              <a:spcBef>
                <a:spcPts val="0"/>
              </a:spcBef>
            </a:pPr>
            <a:r>
              <a:rPr lang="en-US" sz="2400" dirty="0"/>
              <a:t>Based off of your answers to the general and product-related questions, you can now define the scope of the project and what your final product may look like before contacting vendors.</a:t>
            </a:r>
          </a:p>
          <a:p>
            <a:pPr marL="0">
              <a:spcBef>
                <a:spcPts val="0"/>
              </a:spcBef>
            </a:pPr>
            <a:endParaRPr lang="en-US" sz="2400" dirty="0"/>
          </a:p>
          <a:p>
            <a:pPr marL="0">
              <a:spcBef>
                <a:spcPts val="0"/>
              </a:spcBef>
            </a:pPr>
            <a:r>
              <a:rPr lang="en-US" sz="2400" b="1" dirty="0"/>
              <a:t>Request for Proposal or Quote (RFP/Q)</a:t>
            </a:r>
            <a:r>
              <a:rPr lang="en-US" sz="2400" dirty="0"/>
              <a:t>: A document outlining the scope and requirements you are seeking for your virtual technology solution to solicit vendors to provide you price quotes on using their product.</a:t>
            </a:r>
          </a:p>
          <a:p>
            <a:endParaRPr lang="en-US" sz="2000" b="1" dirty="0"/>
          </a:p>
          <a:p>
            <a:pPr marL="0" indent="0">
              <a:lnSpc>
                <a:spcPct val="100000"/>
              </a:lnSpc>
              <a:spcBef>
                <a:spcPts val="0"/>
              </a:spcBef>
            </a:pPr>
            <a:r>
              <a:rPr lang="en-US" sz="2000" b="1" dirty="0">
                <a:solidFill>
                  <a:schemeClr val="accent1"/>
                </a:solidFill>
              </a:rPr>
              <a:t>TIP 1: Some companies offer reduced pricing for nonprofits. It never hurts to ask!</a:t>
            </a:r>
          </a:p>
          <a:p>
            <a:pPr marL="0" indent="0">
              <a:lnSpc>
                <a:spcPct val="100000"/>
              </a:lnSpc>
              <a:spcBef>
                <a:spcPts val="0"/>
              </a:spcBef>
            </a:pPr>
            <a:endParaRPr lang="en-US" sz="2000" b="1" dirty="0">
              <a:solidFill>
                <a:schemeClr val="accent1"/>
              </a:solidFill>
            </a:endParaRPr>
          </a:p>
          <a:p>
            <a:pPr marL="0" indent="0">
              <a:lnSpc>
                <a:spcPct val="100000"/>
              </a:lnSpc>
              <a:spcBef>
                <a:spcPts val="0"/>
              </a:spcBef>
            </a:pPr>
            <a:r>
              <a:rPr lang="en-US" sz="2000" b="1" dirty="0">
                <a:solidFill>
                  <a:schemeClr val="accent1"/>
                </a:solidFill>
              </a:rPr>
              <a:t>TIP 2: See TechSoup’s </a:t>
            </a:r>
            <a:r>
              <a:rPr lang="en-US" sz="2000" b="1" i="1" dirty="0">
                <a:solidFill>
                  <a:schemeClr val="accent1"/>
                </a:solidFill>
                <a:hlinkClick r:id="rId3"/>
              </a:rPr>
              <a:t>RFP Library </a:t>
            </a:r>
            <a:r>
              <a:rPr lang="en-US" sz="2000" b="1" dirty="0">
                <a:solidFill>
                  <a:schemeClr val="accent1"/>
                </a:solidFill>
              </a:rPr>
              <a:t>for examples of nonprofit RFP/Qs</a:t>
            </a:r>
          </a:p>
          <a:p>
            <a:r>
              <a:rPr lang="en-US" sz="2000" dirty="0"/>
              <a:t> </a:t>
            </a:r>
          </a:p>
        </p:txBody>
      </p:sp>
      <p:sp>
        <p:nvSpPr>
          <p:cNvPr id="35" name="Rectangle 34">
            <a:extLst>
              <a:ext uri="{FF2B5EF4-FFF2-40B4-BE49-F238E27FC236}">
                <a16:creationId xmlns:a16="http://schemas.microsoft.com/office/drawing/2014/main" id="{525EEEC9-170C-4A3B-9D26-400CF72781B5}"/>
              </a:ext>
            </a:extLst>
          </p:cNvPr>
          <p:cNvSpPr/>
          <p:nvPr/>
        </p:nvSpPr>
        <p:spPr>
          <a:xfrm>
            <a:off x="9924643" y="2177456"/>
            <a:ext cx="2903801" cy="3779378"/>
          </a:xfrm>
          <a:prstGeom prst="rect">
            <a:avLst/>
          </a:prstGeom>
          <a:solidFill>
            <a:schemeClr val="bg1"/>
          </a:solidFill>
          <a:ln w="12700">
            <a:solidFill>
              <a:schemeClr val="bg1">
                <a:lumMod val="85000"/>
              </a:schemeClr>
            </a:solidFill>
          </a:ln>
          <a:effectLst>
            <a:outerShdw blurRad="203200" dist="38100" dir="8100000" algn="tr" rotWithShape="0">
              <a:prstClr val="black">
                <a:alpha val="14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6" name="Rectangle 35">
            <a:extLst>
              <a:ext uri="{FF2B5EF4-FFF2-40B4-BE49-F238E27FC236}">
                <a16:creationId xmlns:a16="http://schemas.microsoft.com/office/drawing/2014/main" id="{D70C4EA8-C6D4-4EAD-B44F-2FF6B9304B30}"/>
              </a:ext>
            </a:extLst>
          </p:cNvPr>
          <p:cNvSpPr/>
          <p:nvPr/>
        </p:nvSpPr>
        <p:spPr>
          <a:xfrm>
            <a:off x="12259906" y="2034825"/>
            <a:ext cx="765504" cy="68671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37" name="Group 36">
            <a:extLst>
              <a:ext uri="{FF2B5EF4-FFF2-40B4-BE49-F238E27FC236}">
                <a16:creationId xmlns:a16="http://schemas.microsoft.com/office/drawing/2014/main" id="{B27364C5-79DD-43F0-8A45-38D63B04C547}"/>
              </a:ext>
            </a:extLst>
          </p:cNvPr>
          <p:cNvGrpSpPr/>
          <p:nvPr/>
        </p:nvGrpSpPr>
        <p:grpSpPr>
          <a:xfrm>
            <a:off x="10103815" y="2831840"/>
            <a:ext cx="485775" cy="646331"/>
            <a:chOff x="4710852" y="2881847"/>
            <a:chExt cx="485775" cy="646331"/>
          </a:xfrm>
        </p:grpSpPr>
        <p:sp>
          <p:nvSpPr>
            <p:cNvPr id="38" name="Oval 37">
              <a:extLst>
                <a:ext uri="{FF2B5EF4-FFF2-40B4-BE49-F238E27FC236}">
                  <a16:creationId xmlns:a16="http://schemas.microsoft.com/office/drawing/2014/main" id="{41338738-AE12-49F4-B1C6-10E838305702}"/>
                </a:ext>
              </a:extLst>
            </p:cNvPr>
            <p:cNvSpPr/>
            <p:nvPr/>
          </p:nvSpPr>
          <p:spPr>
            <a:xfrm>
              <a:off x="4770859" y="3022088"/>
              <a:ext cx="365760" cy="365848"/>
            </a:xfrm>
            <a:prstGeom prst="ellipse">
              <a:avLst/>
            </a:prstGeom>
            <a:solidFill>
              <a:schemeClr val="bg1"/>
            </a:solidFill>
            <a:ln w="19050">
              <a:solidFill>
                <a:schemeClr val="bg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9" name="TextBox 38">
              <a:extLst>
                <a:ext uri="{FF2B5EF4-FFF2-40B4-BE49-F238E27FC236}">
                  <a16:creationId xmlns:a16="http://schemas.microsoft.com/office/drawing/2014/main" id="{A5F7B0A0-5712-4B86-9236-866728377625}"/>
                </a:ext>
              </a:extLst>
            </p:cNvPr>
            <p:cNvSpPr txBox="1"/>
            <p:nvPr/>
          </p:nvSpPr>
          <p:spPr>
            <a:xfrm>
              <a:off x="4710852" y="2881847"/>
              <a:ext cx="485775" cy="646331"/>
            </a:xfrm>
            <a:prstGeom prst="rect">
              <a:avLst/>
            </a:prstGeom>
            <a:noFill/>
          </p:spPr>
          <p:txBody>
            <a:bodyPr wrap="square" rtlCol="0">
              <a:spAutoFit/>
            </a:bodyPr>
            <a:lstStyle/>
            <a:p>
              <a:r>
                <a:rPr lang="en-US" sz="3600" dirty="0">
                  <a:solidFill>
                    <a:srgbClr val="71A032"/>
                  </a:solidFill>
                  <a:sym typeface="Wingdings" panose="05000000000000000000" pitchFamily="2" charset="2"/>
                </a:rPr>
                <a:t></a:t>
              </a:r>
              <a:endParaRPr lang="en-US" sz="3600" dirty="0">
                <a:solidFill>
                  <a:srgbClr val="71A032"/>
                </a:solidFill>
              </a:endParaRPr>
            </a:p>
          </p:txBody>
        </p:sp>
      </p:grpSp>
      <p:graphicFrame>
        <p:nvGraphicFramePr>
          <p:cNvPr id="40" name="Table 39">
            <a:extLst>
              <a:ext uri="{FF2B5EF4-FFF2-40B4-BE49-F238E27FC236}">
                <a16:creationId xmlns:a16="http://schemas.microsoft.com/office/drawing/2014/main" id="{B18557C1-F6A3-449D-9598-9AF942BBCE67}"/>
              </a:ext>
            </a:extLst>
          </p:cNvPr>
          <p:cNvGraphicFramePr>
            <a:graphicFrameLocks noGrp="1"/>
          </p:cNvGraphicFramePr>
          <p:nvPr>
            <p:extLst>
              <p:ext uri="{D42A27DB-BD31-4B8C-83A1-F6EECF244321}">
                <p14:modId xmlns:p14="http://schemas.microsoft.com/office/powerpoint/2010/main" val="4178256705"/>
              </p:ext>
            </p:extLst>
          </p:nvPr>
        </p:nvGraphicFramePr>
        <p:xfrm>
          <a:off x="10607536" y="3013649"/>
          <a:ext cx="1712454" cy="2694432"/>
        </p:xfrm>
        <a:graphic>
          <a:graphicData uri="http://schemas.openxmlformats.org/drawingml/2006/table">
            <a:tbl>
              <a:tblPr firstRow="1" bandRow="1">
                <a:tableStyleId>{5C22544A-7EE6-4342-B048-85BDC9FD1C3A}</a:tableStyleId>
              </a:tblPr>
              <a:tblGrid>
                <a:gridCol w="1712454">
                  <a:extLst>
                    <a:ext uri="{9D8B030D-6E8A-4147-A177-3AD203B41FA5}">
                      <a16:colId xmlns:a16="http://schemas.microsoft.com/office/drawing/2014/main" val="20000"/>
                    </a:ext>
                  </a:extLst>
                </a:gridCol>
              </a:tblGrid>
              <a:tr h="274320">
                <a:tc>
                  <a:txBody>
                    <a:bodyPr/>
                    <a:lstStyle/>
                    <a:p>
                      <a:r>
                        <a:rPr lang="en-US" sz="1200" dirty="0">
                          <a:solidFill>
                            <a:srgbClr val="63666A"/>
                          </a:solidFill>
                          <a:latin typeface="AmplitudeTF" panose="02000506050000020004" pitchFamily="50" charset="0"/>
                        </a:rPr>
                        <a:t>Requirement 1: Mobile Friendly</a:t>
                      </a:r>
                      <a:endParaRPr lang="en-US" dirty="0">
                        <a:solidFill>
                          <a:srgbClr val="63666A"/>
                        </a:solidFill>
                        <a:latin typeface="AmplitudeTF" panose="02000506050000020004" pitchFamily="50" charset="0"/>
                      </a:endParaRPr>
                    </a:p>
                  </a:txBody>
                  <a:tcPr marL="0" marR="0" marT="0" marB="0" anchor="ctr">
                    <a:noFill/>
                  </a:tcPr>
                </a:tc>
                <a:extLst>
                  <a:ext uri="{0D108BD9-81ED-4DB2-BD59-A6C34878D82A}">
                    <a16:rowId xmlns:a16="http://schemas.microsoft.com/office/drawing/2014/main" val="10000"/>
                  </a:ext>
                </a:extLst>
              </a:tr>
              <a:tr h="91440">
                <a:tc>
                  <a:txBody>
                    <a:bodyPr/>
                    <a:lstStyle/>
                    <a:p>
                      <a:endParaRPr lang="en-US" sz="400" dirty="0"/>
                    </a:p>
                  </a:txBody>
                  <a:tcPr marL="0" marR="0" marT="0" marB="0">
                    <a:solidFill>
                      <a:schemeClr val="bg1">
                        <a:lumMod val="95000"/>
                      </a:schemeClr>
                    </a:solidFill>
                  </a:tcPr>
                </a:tc>
                <a:extLst>
                  <a:ext uri="{0D108BD9-81ED-4DB2-BD59-A6C34878D82A}">
                    <a16:rowId xmlns:a16="http://schemas.microsoft.com/office/drawing/2014/main" val="10001"/>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02"/>
                  </a:ext>
                </a:extLst>
              </a:tr>
              <a:tr h="182880">
                <a:tc>
                  <a:txBody>
                    <a:bodyPr/>
                    <a:lstStyle/>
                    <a:p>
                      <a:endParaRPr lang="en-US" sz="1400" dirty="0"/>
                    </a:p>
                  </a:txBody>
                  <a:tcPr marL="0" marR="0" marT="0" marB="0">
                    <a:noFill/>
                  </a:tcPr>
                </a:tc>
                <a:extLst>
                  <a:ext uri="{0D108BD9-81ED-4DB2-BD59-A6C34878D82A}">
                    <a16:rowId xmlns:a16="http://schemas.microsoft.com/office/drawing/2014/main" val="10003"/>
                  </a:ext>
                </a:extLst>
              </a:tr>
              <a:tr h="274320">
                <a:tc>
                  <a:txBody>
                    <a:bodyPr/>
                    <a:lstStyle/>
                    <a:p>
                      <a:r>
                        <a:rPr lang="en-US" sz="1200" b="1" dirty="0">
                          <a:solidFill>
                            <a:srgbClr val="63666A"/>
                          </a:solidFill>
                          <a:latin typeface="AmplitudeTF" panose="02000506050000020004" pitchFamily="50" charset="0"/>
                        </a:rPr>
                        <a:t>Requirement 2: Low Cost</a:t>
                      </a:r>
                    </a:p>
                  </a:txBody>
                  <a:tcPr marL="0" marR="0" marT="0" marB="0" anchor="ctr">
                    <a:noFill/>
                  </a:tcPr>
                </a:tc>
                <a:extLst>
                  <a:ext uri="{0D108BD9-81ED-4DB2-BD59-A6C34878D82A}">
                    <a16:rowId xmlns:a16="http://schemas.microsoft.com/office/drawing/2014/main" val="10004"/>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05"/>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06"/>
                  </a:ext>
                </a:extLst>
              </a:tr>
              <a:tr h="210312">
                <a:tc>
                  <a:txBody>
                    <a:bodyPr/>
                    <a:lstStyle/>
                    <a:p>
                      <a:endParaRPr lang="en-US" sz="1400" dirty="0"/>
                    </a:p>
                  </a:txBody>
                  <a:tcPr marL="0" marR="0" marT="0" marB="0">
                    <a:noFill/>
                  </a:tcPr>
                </a:tc>
                <a:extLst>
                  <a:ext uri="{0D108BD9-81ED-4DB2-BD59-A6C34878D82A}">
                    <a16:rowId xmlns:a16="http://schemas.microsoft.com/office/drawing/2014/main" val="10007"/>
                  </a:ext>
                </a:extLst>
              </a:tr>
              <a:tr h="320040">
                <a:tc>
                  <a:txBody>
                    <a:bodyPr/>
                    <a:lstStyle/>
                    <a:p>
                      <a:r>
                        <a:rPr lang="en-US" sz="1200" b="1" dirty="0">
                          <a:solidFill>
                            <a:srgbClr val="63666A"/>
                          </a:solidFill>
                          <a:latin typeface="AmplitudeTF" panose="02000506050000020004" pitchFamily="50" charset="0"/>
                        </a:rPr>
                        <a:t>Requirement 3: Scalable</a:t>
                      </a:r>
                    </a:p>
                  </a:txBody>
                  <a:tcPr marL="0" marR="0" marT="0" marB="0" anchor="ctr">
                    <a:noFill/>
                  </a:tcPr>
                </a:tc>
                <a:extLst>
                  <a:ext uri="{0D108BD9-81ED-4DB2-BD59-A6C34878D82A}">
                    <a16:rowId xmlns:a16="http://schemas.microsoft.com/office/drawing/2014/main" val="10008"/>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09"/>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10"/>
                  </a:ext>
                </a:extLst>
              </a:tr>
              <a:tr h="210312">
                <a:tc>
                  <a:txBody>
                    <a:bodyPr/>
                    <a:lstStyle/>
                    <a:p>
                      <a:endParaRPr lang="en-US" sz="1100" dirty="0"/>
                    </a:p>
                  </a:txBody>
                  <a:tcPr marL="0" marR="0" marT="0" marB="0">
                    <a:noFill/>
                  </a:tcPr>
                </a:tc>
                <a:extLst>
                  <a:ext uri="{0D108BD9-81ED-4DB2-BD59-A6C34878D82A}">
                    <a16:rowId xmlns:a16="http://schemas.microsoft.com/office/drawing/2014/main" val="10011"/>
                  </a:ext>
                </a:extLst>
              </a:tr>
              <a:tr h="292431">
                <a:tc>
                  <a:txBody>
                    <a:bodyPr/>
                    <a:lstStyle/>
                    <a:p>
                      <a:r>
                        <a:rPr lang="en-US" sz="1200" b="1" dirty="0">
                          <a:solidFill>
                            <a:srgbClr val="63666A"/>
                          </a:solidFill>
                          <a:latin typeface="AmplitudeTF" panose="02000506050000020004" pitchFamily="50" charset="0"/>
                        </a:rPr>
                        <a:t>Nice-to-have: Push Notifications</a:t>
                      </a:r>
                    </a:p>
                  </a:txBody>
                  <a:tcPr marL="0" marR="0" marT="0" marB="0" anchor="ctr">
                    <a:noFill/>
                  </a:tcPr>
                </a:tc>
                <a:extLst>
                  <a:ext uri="{0D108BD9-81ED-4DB2-BD59-A6C34878D82A}">
                    <a16:rowId xmlns:a16="http://schemas.microsoft.com/office/drawing/2014/main" val="10012"/>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13"/>
                  </a:ext>
                </a:extLst>
              </a:tr>
              <a:tr h="91440">
                <a:tc>
                  <a:txBody>
                    <a:bodyPr/>
                    <a:lstStyle/>
                    <a:p>
                      <a:endParaRPr lang="en-US" sz="100" dirty="0"/>
                    </a:p>
                  </a:txBody>
                  <a:tcPr marL="0" marR="0" marT="0" marB="0">
                    <a:solidFill>
                      <a:schemeClr val="bg1">
                        <a:lumMod val="95000"/>
                      </a:schemeClr>
                    </a:solidFill>
                  </a:tcPr>
                </a:tc>
                <a:extLst>
                  <a:ext uri="{0D108BD9-81ED-4DB2-BD59-A6C34878D82A}">
                    <a16:rowId xmlns:a16="http://schemas.microsoft.com/office/drawing/2014/main" val="10014"/>
                  </a:ext>
                </a:extLst>
              </a:tr>
            </a:tbl>
          </a:graphicData>
        </a:graphic>
      </p:graphicFrame>
      <p:sp>
        <p:nvSpPr>
          <p:cNvPr id="41" name="Oval 40">
            <a:extLst>
              <a:ext uri="{FF2B5EF4-FFF2-40B4-BE49-F238E27FC236}">
                <a16:creationId xmlns:a16="http://schemas.microsoft.com/office/drawing/2014/main" id="{A2B5DDA5-99D9-410F-A889-C991B4FD4733}"/>
              </a:ext>
            </a:extLst>
          </p:cNvPr>
          <p:cNvSpPr/>
          <p:nvPr/>
        </p:nvSpPr>
        <p:spPr>
          <a:xfrm>
            <a:off x="10163822" y="5036104"/>
            <a:ext cx="365760" cy="365848"/>
          </a:xfrm>
          <a:prstGeom prst="ellipse">
            <a:avLst/>
          </a:prstGeom>
          <a:solidFill>
            <a:schemeClr val="bg1"/>
          </a:solidFill>
          <a:ln w="19050">
            <a:solidFill>
              <a:schemeClr val="bg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42" name="Group 41">
            <a:extLst>
              <a:ext uri="{FF2B5EF4-FFF2-40B4-BE49-F238E27FC236}">
                <a16:creationId xmlns:a16="http://schemas.microsoft.com/office/drawing/2014/main" id="{7870F6A0-E4C5-4A44-BD83-B4C31CD3F068}"/>
              </a:ext>
            </a:extLst>
          </p:cNvPr>
          <p:cNvGrpSpPr/>
          <p:nvPr/>
        </p:nvGrpSpPr>
        <p:grpSpPr>
          <a:xfrm>
            <a:off x="10103815" y="4180700"/>
            <a:ext cx="485775" cy="646331"/>
            <a:chOff x="4729541" y="4110987"/>
            <a:chExt cx="485775" cy="646331"/>
          </a:xfrm>
        </p:grpSpPr>
        <p:sp>
          <p:nvSpPr>
            <p:cNvPr id="43" name="Oval 42">
              <a:extLst>
                <a:ext uri="{FF2B5EF4-FFF2-40B4-BE49-F238E27FC236}">
                  <a16:creationId xmlns:a16="http://schemas.microsoft.com/office/drawing/2014/main" id="{8B29CFC4-DC37-43E0-AC19-6DB397B4FD93}"/>
                </a:ext>
              </a:extLst>
            </p:cNvPr>
            <p:cNvSpPr/>
            <p:nvPr/>
          </p:nvSpPr>
          <p:spPr>
            <a:xfrm>
              <a:off x="4789548" y="4251228"/>
              <a:ext cx="365760" cy="365848"/>
            </a:xfrm>
            <a:prstGeom prst="ellipse">
              <a:avLst/>
            </a:prstGeom>
            <a:solidFill>
              <a:schemeClr val="bg1"/>
            </a:solidFill>
            <a:ln w="19050">
              <a:solidFill>
                <a:schemeClr val="bg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4" name="TextBox 43">
              <a:extLst>
                <a:ext uri="{FF2B5EF4-FFF2-40B4-BE49-F238E27FC236}">
                  <a16:creationId xmlns:a16="http://schemas.microsoft.com/office/drawing/2014/main" id="{20DA4F5B-19B2-4864-AB08-5B4062A5AB32}"/>
                </a:ext>
              </a:extLst>
            </p:cNvPr>
            <p:cNvSpPr txBox="1"/>
            <p:nvPr/>
          </p:nvSpPr>
          <p:spPr>
            <a:xfrm>
              <a:off x="4729541" y="4110987"/>
              <a:ext cx="485775" cy="646331"/>
            </a:xfrm>
            <a:prstGeom prst="rect">
              <a:avLst/>
            </a:prstGeom>
            <a:noFill/>
          </p:spPr>
          <p:txBody>
            <a:bodyPr wrap="square" rtlCol="0">
              <a:spAutoFit/>
            </a:bodyPr>
            <a:lstStyle/>
            <a:p>
              <a:r>
                <a:rPr lang="en-US" sz="3600" dirty="0">
                  <a:solidFill>
                    <a:srgbClr val="71A032"/>
                  </a:solidFill>
                  <a:sym typeface="Wingdings" panose="05000000000000000000" pitchFamily="2" charset="2"/>
                </a:rPr>
                <a:t></a:t>
              </a:r>
              <a:endParaRPr lang="en-US" sz="3600" dirty="0">
                <a:solidFill>
                  <a:srgbClr val="71A032"/>
                </a:solidFill>
              </a:endParaRPr>
            </a:p>
          </p:txBody>
        </p:sp>
      </p:grpSp>
      <p:grpSp>
        <p:nvGrpSpPr>
          <p:cNvPr id="45" name="Group 44">
            <a:extLst>
              <a:ext uri="{FF2B5EF4-FFF2-40B4-BE49-F238E27FC236}">
                <a16:creationId xmlns:a16="http://schemas.microsoft.com/office/drawing/2014/main" id="{6AAE9D6C-B591-4596-B31B-271C802645B5}"/>
              </a:ext>
            </a:extLst>
          </p:cNvPr>
          <p:cNvGrpSpPr/>
          <p:nvPr/>
        </p:nvGrpSpPr>
        <p:grpSpPr>
          <a:xfrm>
            <a:off x="10103815" y="3506270"/>
            <a:ext cx="485775" cy="646331"/>
            <a:chOff x="4729541" y="3462783"/>
            <a:chExt cx="485775" cy="646331"/>
          </a:xfrm>
        </p:grpSpPr>
        <p:sp>
          <p:nvSpPr>
            <p:cNvPr id="46" name="Oval 45">
              <a:extLst>
                <a:ext uri="{FF2B5EF4-FFF2-40B4-BE49-F238E27FC236}">
                  <a16:creationId xmlns:a16="http://schemas.microsoft.com/office/drawing/2014/main" id="{9BDAE6A5-54DD-4BAF-B9DB-7CF8FBD3F688}"/>
                </a:ext>
              </a:extLst>
            </p:cNvPr>
            <p:cNvSpPr/>
            <p:nvPr/>
          </p:nvSpPr>
          <p:spPr>
            <a:xfrm>
              <a:off x="4789548" y="3603024"/>
              <a:ext cx="365760" cy="365848"/>
            </a:xfrm>
            <a:prstGeom prst="ellipse">
              <a:avLst/>
            </a:prstGeom>
            <a:solidFill>
              <a:schemeClr val="bg1"/>
            </a:solidFill>
            <a:ln w="19050">
              <a:solidFill>
                <a:schemeClr val="bg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7" name="TextBox 46">
              <a:extLst>
                <a:ext uri="{FF2B5EF4-FFF2-40B4-BE49-F238E27FC236}">
                  <a16:creationId xmlns:a16="http://schemas.microsoft.com/office/drawing/2014/main" id="{BD5CC38A-AA8F-4DBC-9F36-A9719A56143E}"/>
                </a:ext>
              </a:extLst>
            </p:cNvPr>
            <p:cNvSpPr txBox="1"/>
            <p:nvPr/>
          </p:nvSpPr>
          <p:spPr>
            <a:xfrm>
              <a:off x="4729541" y="3462783"/>
              <a:ext cx="485775" cy="646331"/>
            </a:xfrm>
            <a:prstGeom prst="rect">
              <a:avLst/>
            </a:prstGeom>
            <a:noFill/>
          </p:spPr>
          <p:txBody>
            <a:bodyPr wrap="square" rtlCol="0">
              <a:spAutoFit/>
            </a:bodyPr>
            <a:lstStyle/>
            <a:p>
              <a:r>
                <a:rPr lang="en-US" sz="3600" dirty="0">
                  <a:solidFill>
                    <a:srgbClr val="71A032"/>
                  </a:solidFill>
                  <a:sym typeface="Wingdings" panose="05000000000000000000" pitchFamily="2" charset="2"/>
                </a:rPr>
                <a:t></a:t>
              </a:r>
              <a:endParaRPr lang="en-US" sz="3600" dirty="0">
                <a:solidFill>
                  <a:srgbClr val="71A032"/>
                </a:solidFill>
              </a:endParaRPr>
            </a:p>
          </p:txBody>
        </p:sp>
      </p:grpSp>
      <p:sp>
        <p:nvSpPr>
          <p:cNvPr id="48" name="TextBox 47">
            <a:extLst>
              <a:ext uri="{FF2B5EF4-FFF2-40B4-BE49-F238E27FC236}">
                <a16:creationId xmlns:a16="http://schemas.microsoft.com/office/drawing/2014/main" id="{DD9A47F5-C51F-4BA7-9F8B-C327713C2B1D}"/>
              </a:ext>
            </a:extLst>
          </p:cNvPr>
          <p:cNvSpPr txBox="1"/>
          <p:nvPr/>
        </p:nvSpPr>
        <p:spPr>
          <a:xfrm>
            <a:off x="9640349" y="2308620"/>
            <a:ext cx="2902037" cy="253916"/>
          </a:xfrm>
          <a:prstGeom prst="rect">
            <a:avLst/>
          </a:prstGeom>
          <a:noFill/>
        </p:spPr>
        <p:txBody>
          <a:bodyPr wrap="square" rtlCol="0">
            <a:spAutoFit/>
          </a:bodyPr>
          <a:lstStyle/>
          <a:p>
            <a:pPr algn="ctr"/>
            <a:r>
              <a:rPr lang="en-US" sz="1050" b="1" dirty="0">
                <a:solidFill>
                  <a:schemeClr val="tx1">
                    <a:lumMod val="50000"/>
                    <a:lumOff val="50000"/>
                  </a:schemeClr>
                </a:solidFill>
                <a:latin typeface="AmplitudeTF" panose="02000506050000020004" pitchFamily="50" charset="0"/>
                <a:cs typeface="Arial" panose="020B0604020202020204" pitchFamily="34" charset="0"/>
              </a:rPr>
              <a:t>RFQ for Learning Management System</a:t>
            </a:r>
          </a:p>
        </p:txBody>
      </p:sp>
      <p:sp>
        <p:nvSpPr>
          <p:cNvPr id="49" name="TextBox 48">
            <a:extLst>
              <a:ext uri="{FF2B5EF4-FFF2-40B4-BE49-F238E27FC236}">
                <a16:creationId xmlns:a16="http://schemas.microsoft.com/office/drawing/2014/main" id="{6A128CBF-8B69-4E0D-BFED-0C857C4CF948}"/>
              </a:ext>
            </a:extLst>
          </p:cNvPr>
          <p:cNvSpPr txBox="1"/>
          <p:nvPr/>
        </p:nvSpPr>
        <p:spPr>
          <a:xfrm>
            <a:off x="10114769" y="4895370"/>
            <a:ext cx="485775" cy="646331"/>
          </a:xfrm>
          <a:prstGeom prst="rect">
            <a:avLst/>
          </a:prstGeom>
          <a:noFill/>
        </p:spPr>
        <p:txBody>
          <a:bodyPr wrap="square" rtlCol="0">
            <a:spAutoFit/>
          </a:bodyPr>
          <a:lstStyle/>
          <a:p>
            <a:r>
              <a:rPr lang="en-US" sz="3600" dirty="0">
                <a:solidFill>
                  <a:srgbClr val="FF0000"/>
                </a:solidFill>
                <a:sym typeface="Wingdings" panose="05000000000000000000" pitchFamily="2" charset="2"/>
              </a:rPr>
              <a:t></a:t>
            </a:r>
            <a:endParaRPr lang="en-US" sz="3600" dirty="0">
              <a:solidFill>
                <a:srgbClr val="FF0000"/>
              </a:solidFill>
            </a:endParaRPr>
          </a:p>
        </p:txBody>
      </p:sp>
      <p:sp>
        <p:nvSpPr>
          <p:cNvPr id="50" name="TextBox 49">
            <a:extLst>
              <a:ext uri="{FF2B5EF4-FFF2-40B4-BE49-F238E27FC236}">
                <a16:creationId xmlns:a16="http://schemas.microsoft.com/office/drawing/2014/main" id="{7C4736B1-A037-4731-BF2B-CD1D4BE3FA49}"/>
              </a:ext>
            </a:extLst>
          </p:cNvPr>
          <p:cNvSpPr txBox="1"/>
          <p:nvPr/>
        </p:nvSpPr>
        <p:spPr>
          <a:xfrm>
            <a:off x="10062637" y="2613606"/>
            <a:ext cx="2192507" cy="261610"/>
          </a:xfrm>
          <a:prstGeom prst="rect">
            <a:avLst/>
          </a:prstGeom>
          <a:noFill/>
        </p:spPr>
        <p:txBody>
          <a:bodyPr wrap="square" rtlCol="0">
            <a:spAutoFit/>
          </a:bodyPr>
          <a:lstStyle/>
          <a:p>
            <a:r>
              <a:rPr lang="en-US" b="1" dirty="0">
                <a:solidFill>
                  <a:srgbClr val="00477B"/>
                </a:solidFill>
                <a:latin typeface="AmplitudeTF" panose="02000506050000020004" pitchFamily="50" charset="0"/>
                <a:cs typeface="Arial" panose="020B0604020202020204" pitchFamily="34" charset="0"/>
              </a:rPr>
              <a:t>Requirement (Must-Haves)</a:t>
            </a:r>
            <a:endParaRPr lang="en-US" sz="1100" b="1" dirty="0">
              <a:solidFill>
                <a:srgbClr val="00477B"/>
              </a:solidFill>
              <a:latin typeface="AmplitudeTF" panose="02000506050000020004" pitchFamily="50" charset="0"/>
              <a:cs typeface="Arial" panose="020B0604020202020204" pitchFamily="34" charset="0"/>
            </a:endParaRPr>
          </a:p>
        </p:txBody>
      </p:sp>
      <p:sp>
        <p:nvSpPr>
          <p:cNvPr id="51" name="Right Triangle 50">
            <a:extLst>
              <a:ext uri="{FF2B5EF4-FFF2-40B4-BE49-F238E27FC236}">
                <a16:creationId xmlns:a16="http://schemas.microsoft.com/office/drawing/2014/main" id="{40CD8722-44FA-4628-AD0D-4061E74C0250}"/>
              </a:ext>
            </a:extLst>
          </p:cNvPr>
          <p:cNvSpPr/>
          <p:nvPr/>
        </p:nvSpPr>
        <p:spPr>
          <a:xfrm>
            <a:off x="12255144" y="2183144"/>
            <a:ext cx="567194" cy="519342"/>
          </a:xfrm>
          <a:prstGeom prst="rtTriangle">
            <a:avLst/>
          </a:prstGeom>
          <a:solidFill>
            <a:schemeClr val="bg1"/>
          </a:solidFill>
          <a:ln w="12700">
            <a:solidFill>
              <a:schemeClr val="bg1">
                <a:lumMod val="85000"/>
              </a:schemeClr>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2" name="Rounded Rectangle 28">
            <a:extLst>
              <a:ext uri="{FF2B5EF4-FFF2-40B4-BE49-F238E27FC236}">
                <a16:creationId xmlns:a16="http://schemas.microsoft.com/office/drawing/2014/main" id="{0C98BE04-EA19-44AE-A0A2-0161FA053426}"/>
              </a:ext>
            </a:extLst>
          </p:cNvPr>
          <p:cNvSpPr/>
          <p:nvPr/>
        </p:nvSpPr>
        <p:spPr>
          <a:xfrm rot="180000">
            <a:off x="12776055" y="3995742"/>
            <a:ext cx="64082" cy="278083"/>
          </a:xfrm>
          <a:prstGeom prst="round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3" name="Rounded Rectangle 29">
            <a:extLst>
              <a:ext uri="{FF2B5EF4-FFF2-40B4-BE49-F238E27FC236}">
                <a16:creationId xmlns:a16="http://schemas.microsoft.com/office/drawing/2014/main" id="{8D488D23-BC92-4402-BFCA-06AF134A5943}"/>
              </a:ext>
            </a:extLst>
          </p:cNvPr>
          <p:cNvSpPr/>
          <p:nvPr/>
        </p:nvSpPr>
        <p:spPr>
          <a:xfrm rot="2242518">
            <a:off x="12736780" y="4170217"/>
            <a:ext cx="64082" cy="278083"/>
          </a:xfrm>
          <a:prstGeom prst="round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4" name="Rounded Rectangle 30">
            <a:extLst>
              <a:ext uri="{FF2B5EF4-FFF2-40B4-BE49-F238E27FC236}">
                <a16:creationId xmlns:a16="http://schemas.microsoft.com/office/drawing/2014/main" id="{E0A81359-20D8-4D8C-BED8-4EA76A45B7FE}"/>
              </a:ext>
            </a:extLst>
          </p:cNvPr>
          <p:cNvSpPr/>
          <p:nvPr/>
        </p:nvSpPr>
        <p:spPr>
          <a:xfrm rot="2070274">
            <a:off x="12261607" y="4592574"/>
            <a:ext cx="221498" cy="278083"/>
          </a:xfrm>
          <a:prstGeom prst="round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5" name="Rounded Rectangle 31">
            <a:extLst>
              <a:ext uri="{FF2B5EF4-FFF2-40B4-BE49-F238E27FC236}">
                <a16:creationId xmlns:a16="http://schemas.microsoft.com/office/drawing/2014/main" id="{D44F3C73-4B43-4380-974A-3CF7D0F7C60D}"/>
              </a:ext>
            </a:extLst>
          </p:cNvPr>
          <p:cNvSpPr/>
          <p:nvPr/>
        </p:nvSpPr>
        <p:spPr>
          <a:xfrm rot="361766">
            <a:off x="12143750" y="4648108"/>
            <a:ext cx="454397" cy="278083"/>
          </a:xfrm>
          <a:prstGeom prst="round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56" name="Group 4">
            <a:extLst>
              <a:ext uri="{FF2B5EF4-FFF2-40B4-BE49-F238E27FC236}">
                <a16:creationId xmlns:a16="http://schemas.microsoft.com/office/drawing/2014/main" id="{4B927610-B092-4B2E-8BB7-4D01E8848E84}"/>
              </a:ext>
            </a:extLst>
          </p:cNvPr>
          <p:cNvGrpSpPr>
            <a:grpSpLocks noChangeAspect="1"/>
          </p:cNvGrpSpPr>
          <p:nvPr/>
        </p:nvGrpSpPr>
        <p:grpSpPr bwMode="auto">
          <a:xfrm>
            <a:off x="12071137" y="3702741"/>
            <a:ext cx="1395368" cy="1395368"/>
            <a:chOff x="720" y="-35"/>
            <a:chExt cx="4931" cy="4931"/>
          </a:xfrm>
          <a:solidFill>
            <a:schemeClr val="bg2"/>
          </a:solidFill>
        </p:grpSpPr>
        <p:sp>
          <p:nvSpPr>
            <p:cNvPr id="57" name="Freeform 5">
              <a:extLst>
                <a:ext uri="{FF2B5EF4-FFF2-40B4-BE49-F238E27FC236}">
                  <a16:creationId xmlns:a16="http://schemas.microsoft.com/office/drawing/2014/main" id="{AF9D1764-1809-4D64-B9D4-101BD2598434}"/>
                </a:ext>
              </a:extLst>
            </p:cNvPr>
            <p:cNvSpPr>
              <a:spLocks/>
            </p:cNvSpPr>
            <p:nvPr/>
          </p:nvSpPr>
          <p:spPr bwMode="auto">
            <a:xfrm>
              <a:off x="1359" y="626"/>
              <a:ext cx="3631" cy="3632"/>
            </a:xfrm>
            <a:custGeom>
              <a:avLst/>
              <a:gdLst>
                <a:gd name="T0" fmla="*/ 2592 w 3631"/>
                <a:gd name="T1" fmla="*/ 0 h 3632"/>
                <a:gd name="T2" fmla="*/ 3631 w 3631"/>
                <a:gd name="T3" fmla="*/ 1039 h 3632"/>
                <a:gd name="T4" fmla="*/ 1036 w 3631"/>
                <a:gd name="T5" fmla="*/ 3632 h 3632"/>
                <a:gd name="T6" fmla="*/ 0 w 3631"/>
                <a:gd name="T7" fmla="*/ 2593 h 3632"/>
                <a:gd name="T8" fmla="*/ 2592 w 3631"/>
                <a:gd name="T9" fmla="*/ 0 h 3632"/>
              </a:gdLst>
              <a:ahLst/>
              <a:cxnLst>
                <a:cxn ang="0">
                  <a:pos x="T0" y="T1"/>
                </a:cxn>
                <a:cxn ang="0">
                  <a:pos x="T2" y="T3"/>
                </a:cxn>
                <a:cxn ang="0">
                  <a:pos x="T4" y="T5"/>
                </a:cxn>
                <a:cxn ang="0">
                  <a:pos x="T6" y="T7"/>
                </a:cxn>
                <a:cxn ang="0">
                  <a:pos x="T8" y="T9"/>
                </a:cxn>
              </a:cxnLst>
              <a:rect l="0" t="0" r="r" b="b"/>
              <a:pathLst>
                <a:path w="3631" h="3632">
                  <a:moveTo>
                    <a:pt x="2592" y="0"/>
                  </a:moveTo>
                  <a:lnTo>
                    <a:pt x="3631" y="1039"/>
                  </a:lnTo>
                  <a:lnTo>
                    <a:pt x="1036" y="3632"/>
                  </a:lnTo>
                  <a:lnTo>
                    <a:pt x="0" y="2593"/>
                  </a:lnTo>
                  <a:lnTo>
                    <a:pt x="2592"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8" name="Freeform 6">
              <a:extLst>
                <a:ext uri="{FF2B5EF4-FFF2-40B4-BE49-F238E27FC236}">
                  <a16:creationId xmlns:a16="http://schemas.microsoft.com/office/drawing/2014/main" id="{C36B2304-8E73-414F-8416-B613B604DDBD}"/>
                </a:ext>
              </a:extLst>
            </p:cNvPr>
            <p:cNvSpPr>
              <a:spLocks/>
            </p:cNvSpPr>
            <p:nvPr/>
          </p:nvSpPr>
          <p:spPr bwMode="auto">
            <a:xfrm>
              <a:off x="4210" y="-35"/>
              <a:ext cx="1441" cy="1439"/>
            </a:xfrm>
            <a:custGeom>
              <a:avLst/>
              <a:gdLst>
                <a:gd name="T0" fmla="*/ 636 w 706"/>
                <a:gd name="T1" fmla="*/ 579 h 705"/>
                <a:gd name="T2" fmla="*/ 636 w 706"/>
                <a:gd name="T3" fmla="*/ 324 h 705"/>
                <a:gd name="T4" fmla="*/ 382 w 706"/>
                <a:gd name="T5" fmla="*/ 70 h 705"/>
                <a:gd name="T6" fmla="*/ 127 w 706"/>
                <a:gd name="T7" fmla="*/ 70 h 705"/>
                <a:gd name="T8" fmla="*/ 0 w 706"/>
                <a:gd name="T9" fmla="*/ 197 h 705"/>
                <a:gd name="T10" fmla="*/ 509 w 706"/>
                <a:gd name="T11" fmla="*/ 705 h 705"/>
                <a:gd name="T12" fmla="*/ 636 w 706"/>
                <a:gd name="T13" fmla="*/ 579 h 705"/>
              </a:gdLst>
              <a:ahLst/>
              <a:cxnLst>
                <a:cxn ang="0">
                  <a:pos x="T0" y="T1"/>
                </a:cxn>
                <a:cxn ang="0">
                  <a:pos x="T2" y="T3"/>
                </a:cxn>
                <a:cxn ang="0">
                  <a:pos x="T4" y="T5"/>
                </a:cxn>
                <a:cxn ang="0">
                  <a:pos x="T6" y="T7"/>
                </a:cxn>
                <a:cxn ang="0">
                  <a:pos x="T8" y="T9"/>
                </a:cxn>
                <a:cxn ang="0">
                  <a:pos x="T10" y="T11"/>
                </a:cxn>
                <a:cxn ang="0">
                  <a:pos x="T12" y="T13"/>
                </a:cxn>
              </a:cxnLst>
              <a:rect l="0" t="0" r="r" b="b"/>
              <a:pathLst>
                <a:path w="706" h="705">
                  <a:moveTo>
                    <a:pt x="636" y="579"/>
                  </a:moveTo>
                  <a:cubicBezTo>
                    <a:pt x="706" y="508"/>
                    <a:pt x="706" y="395"/>
                    <a:pt x="636" y="324"/>
                  </a:cubicBezTo>
                  <a:cubicBezTo>
                    <a:pt x="382" y="70"/>
                    <a:pt x="382" y="70"/>
                    <a:pt x="382" y="70"/>
                  </a:cubicBezTo>
                  <a:cubicBezTo>
                    <a:pt x="311" y="0"/>
                    <a:pt x="198" y="0"/>
                    <a:pt x="127" y="70"/>
                  </a:cubicBezTo>
                  <a:cubicBezTo>
                    <a:pt x="0" y="197"/>
                    <a:pt x="0" y="197"/>
                    <a:pt x="0" y="197"/>
                  </a:cubicBezTo>
                  <a:cubicBezTo>
                    <a:pt x="509" y="705"/>
                    <a:pt x="509" y="705"/>
                    <a:pt x="509" y="705"/>
                  </a:cubicBezTo>
                  <a:lnTo>
                    <a:pt x="636" y="57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7">
              <a:extLst>
                <a:ext uri="{FF2B5EF4-FFF2-40B4-BE49-F238E27FC236}">
                  <a16:creationId xmlns:a16="http://schemas.microsoft.com/office/drawing/2014/main" id="{0A101BF3-B42D-4752-B3E4-5584AA6880F1}"/>
                </a:ext>
              </a:extLst>
            </p:cNvPr>
            <p:cNvSpPr>
              <a:spLocks/>
            </p:cNvSpPr>
            <p:nvPr/>
          </p:nvSpPr>
          <p:spPr bwMode="auto">
            <a:xfrm>
              <a:off x="720" y="3480"/>
              <a:ext cx="1418" cy="1416"/>
            </a:xfrm>
            <a:custGeom>
              <a:avLst/>
              <a:gdLst>
                <a:gd name="T0" fmla="*/ 1418 w 1418"/>
                <a:gd name="T1" fmla="*/ 1037 h 1416"/>
                <a:gd name="T2" fmla="*/ 0 w 1418"/>
                <a:gd name="T3" fmla="*/ 1416 h 1416"/>
                <a:gd name="T4" fmla="*/ 382 w 1418"/>
                <a:gd name="T5" fmla="*/ 0 h 1416"/>
                <a:gd name="T6" fmla="*/ 1418 w 1418"/>
                <a:gd name="T7" fmla="*/ 1037 h 1416"/>
              </a:gdLst>
              <a:ahLst/>
              <a:cxnLst>
                <a:cxn ang="0">
                  <a:pos x="T0" y="T1"/>
                </a:cxn>
                <a:cxn ang="0">
                  <a:pos x="T2" y="T3"/>
                </a:cxn>
                <a:cxn ang="0">
                  <a:pos x="T4" y="T5"/>
                </a:cxn>
                <a:cxn ang="0">
                  <a:pos x="T6" y="T7"/>
                </a:cxn>
              </a:cxnLst>
              <a:rect l="0" t="0" r="r" b="b"/>
              <a:pathLst>
                <a:path w="1418" h="1416">
                  <a:moveTo>
                    <a:pt x="1418" y="1037"/>
                  </a:moveTo>
                  <a:lnTo>
                    <a:pt x="0" y="1416"/>
                  </a:lnTo>
                  <a:lnTo>
                    <a:pt x="382" y="0"/>
                  </a:lnTo>
                  <a:lnTo>
                    <a:pt x="1418" y="103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193406440"/>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oEPR7013YDACV1OW/yTvP98MGmsri81YEpjyvw3k9LM="/>
  <p:tag name="TEMPLATEVERSIONDATE" val="10/25/2019 15:18:15"/>
  <p:tag name="TEMPLATENAME" val="PitchPRO+"/>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SLIDEMASTERBRANDLOGORIGHT" val="1097.28"/>
  <p:tag name="SLIDEMASTERBRANDLOGOBOTTOM" val="609.84"/>
  <p:tag name="SLIDEMASTERBRANDLOGOHEIGHT" val="23.76"/>
  <p:tag name="SLIDEMASTERBRANDLOGOWIDTH" val="149.76"/>
  <p:tag name="ISUNDOENTRY" val=""/>
  <p:tag name="ISROOTUNDO" val=""/>
  <p:tag name="SKIPCONVERSIONCHECK" val="true"/>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"/>
  <p:tag name="PITCHPROSLIDECOUNT" val="12"/>
</p:tagLst>
</file>

<file path=ppt/tags/tag10.xml><?xml version="1.0" encoding="utf-8"?>
<p:tagLst xmlns:a="http://schemas.openxmlformats.org/drawingml/2006/main" xmlns:r="http://schemas.openxmlformats.org/officeDocument/2006/relationships" xmlns:p="http://schemas.openxmlformats.org/presentationml/2006/main">
  <p:tag name="APIADDED" val="True"/>
  <p:tag name="DISTRIBUTIONTYPE" val="External"/>
  <p:tag name="PITCHPROSLIDEID" val="257"/>
  <p:tag name="PRESENTATIONID" val="e9b5effe-b764-4d41-b98a-d8d70a32b199"/>
</p:tagLst>
</file>

<file path=ppt/tags/tag1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12.xml><?xml version="1.0" encoding="utf-8"?>
<p:tagLst xmlns:a="http://schemas.openxmlformats.org/drawingml/2006/main" xmlns:r="http://schemas.openxmlformats.org/officeDocument/2006/relationships" xmlns:p="http://schemas.openxmlformats.org/presentationml/2006/main">
  <p:tag name="PITCHPROSLIDEID" val="268"/>
  <p:tag name="PRESENTATIONID" val="e9b5effe-b764-4d41-b98a-d8d70a32b199"/>
  <p:tag name="APIADDED" val="True"/>
  <p:tag name="DISTRIBUTIONTYPE" val="External"/>
</p:tagLst>
</file>

<file path=ppt/tags/tag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9"/>
  <p:tag name="PRESENTATIONID" val="e9b5effe-b764-4d41-b98a-d8d70a32b199"/>
</p:tagLst>
</file>

<file path=ppt/tags/tag1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1"/>
  <p:tag name="PRESENTATIONID" val="e9b5effe-b764-4d41-b98a-d8d70a32b199"/>
</p:tagLst>
</file>

<file path=ppt/tags/tag1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8"/>
  <p:tag name="PRESENTATIONID" val="e9b5effe-b764-4d41-b98a-d8d70a32b199"/>
</p:tagLst>
</file>

<file path=ppt/tags/tag1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0"/>
  <p:tag name="PRESENTATIONID" val="e9b5effe-b764-4d41-b98a-d8d70a32b199"/>
</p:tagLst>
</file>

<file path=ppt/tags/tag1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1"/>
  <p:tag name="PRESENTATIONID" val="e9b5effe-b764-4d41-b98a-d8d70a32b199"/>
</p:tagLst>
</file>

<file path=ppt/tags/tag1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2"/>
  <p:tag name="PRESENTATIONID" val="e9b5effe-b764-4d41-b98a-d8d70a32b199"/>
</p:tagLst>
</file>

<file path=ppt/tags/tag1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9"/>
  <p:tag name="PRESENTATIONID" val="e9b5effe-b764-4d41-b98a-d8d70a32b19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2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2"/>
  <p:tag name="PRESENTATIONID" val="e9b5effe-b764-4d41-b98a-d8d70a32b199"/>
</p:tagLst>
</file>

<file path=ppt/tags/tag2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3"/>
  <p:tag name="PRESENTATIONID" val="e9b5effe-b764-4d41-b98a-d8d70a32b199"/>
</p:tagLst>
</file>

<file path=ppt/tags/tag2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7"/>
  <p:tag name="PRESENTATIONID" val="e9b5effe-b764-4d41-b98a-d8d70a32b199"/>
</p:tagLst>
</file>

<file path=ppt/tags/tag23.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8.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heme/theme1.xml><?xml version="1.0" encoding="utf-8"?>
<a:theme xmlns:a="http://schemas.openxmlformats.org/drawingml/2006/main" name="PP+ UnifiedGIB - Widescreen">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cb4997ae-3b18-411f-bcf7-f1ad5b3259da.potx" id="{205D6587-0B03-4059-BA7D-8505E7700609}" vid="{FD09AA67-3802-45A4-B006-1DE72A73D904}"/>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mso-contentType ?>
<spe:Receivers xmlns:spe="http://schemas.microsoft.com/sharepoint/events">
  <Receiver>
    <Name/>
    <Synchronization>Synchronous</Synchronization>
    <Type>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9</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9</Type>
    <SequenceNumber>10000</SequenceNumber>
    <Url/>
    <Assembly>Jpmc.Sps.RecordsManagement, Version=1.0.0.0, Culture=neutral, PublicKeyToken=e8ead3752bfbf1f9</Assembly>
    <Class>Jpmc.Sps.RecordsManagement.EventReceivers.RecordContentTypeEventReceiver</Class>
    <Data/>
    <Filter/>
  </Receiver>
</spe:Receivers>
</file>

<file path=customXml/item3.xml><?xml version="1.0" encoding="utf-8"?>
<ct:contentTypeSchema xmlns:ct="http://schemas.microsoft.com/office/2006/metadata/contentType" xmlns:ma="http://schemas.microsoft.com/office/2006/metadata/properties/metaAttributes" ct:_="" ma:_="" ma:contentTypeName="JPMC Record" ma:contentTypeID="0x010100B04218B855DC944F9A559450E98DF04000317D809B83BE644EAD5526593C665108" ma:contentTypeVersion="31" ma:contentTypeDescription="Create a new record in this library." ma:contentTypeScope="" ma:versionID="752c062eb46aa0087d6ec522779f9eed">
  <xsd:schema xmlns:xsd="http://www.w3.org/2001/XMLSchema" xmlns:xs="http://www.w3.org/2001/XMLSchema" xmlns:p="http://schemas.microsoft.com/office/2006/metadata/properties" xmlns:ns2="e866b0dc-26f4-4c7c-849f-80ab9d82399c" targetNamespace="http://schemas.microsoft.com/office/2006/metadata/properties" ma:root="true" ma:fieldsID="7ce0083acf7428bf39a8e1bfd29665f3" ns2:_="">
    <xsd:import namespace="e866b0dc-26f4-4c7c-849f-80ab9d82399c"/>
    <xsd:element name="properties">
      <xsd:complexType>
        <xsd:sequence>
          <xsd:element name="documentManagement">
            <xsd:complexType>
              <xsd:all>
                <xsd:element ref="ns2:Record_x0020_ID" minOccurs="0"/>
                <xsd:element ref="ns2:Record_x0020_Status" minOccurs="0"/>
                <xsd:element ref="ns2:Record_x0020_Class_x0020_Code" minOccurs="0"/>
                <xsd:element ref="ns2:Record_x0020_Class_x0020_Code_x0020_Country" minOccurs="0"/>
                <xsd:element ref="ns2:Record_x0020_Class_x0020_Code_x0020_Local" minOccurs="0"/>
                <xsd:element ref="ns2:Record_x0020_Owner" minOccurs="0"/>
                <xsd:element ref="ns2:Record_x0020_Finalized_x0020_By" minOccurs="0"/>
                <xsd:element ref="ns2:Record_x0020_Finalized_x0020_On" minOccurs="0"/>
                <xsd:element ref="ns2:Record_x0020_Retention_x0020_Type" minOccurs="0"/>
                <xsd:element ref="ns2:Record_x0020_Retention_x0020_Start_x0020_Date" minOccurs="0"/>
                <xsd:element ref="ns2:Record_x0020_Retention_x0020_End_x0020_Date" minOccurs="0"/>
                <xsd:element ref="ns2:Record_x0020_Legal_x0020_Hold"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866b0dc-26f4-4c7c-849f-80ab9d82399c" elementFormDefault="qualified">
    <xsd:import namespace="http://schemas.microsoft.com/office/2006/documentManagement/types"/>
    <xsd:import namespace="http://schemas.microsoft.com/office/infopath/2007/PartnerControls"/>
    <xsd:element name="Record_x0020_ID" ma:index="8" nillable="true" ma:displayName="Record ID" ma:description="Record ID" ma:internalName="Record_x0020_ID" ma:readOnly="true">
      <xsd:simpleType>
        <xsd:restriction base="dms:Unknown"/>
      </xsd:simpleType>
    </xsd:element>
    <xsd:element name="Record_x0020_Status" ma:index="9" nillable="true" ma:displayName="Record Status" ma:description="Record Status" ma:internalName="Record_x0020_Status" ma:readOnly="true">
      <xsd:simpleType>
        <xsd:restriction base="dms:Text"/>
      </xsd:simpleType>
    </xsd:element>
    <xsd:element name="Record_x0020_Class_x0020_Code" ma:index="10" nillable="true" ma:displayName="Record Class Code" ma:description="Record Class Code" ma:internalName="Record_x0020_Class_x0020_Code" ma:readOnly="true">
      <xsd:simpleType>
        <xsd:restriction base="dms:Text"/>
      </xsd:simpleType>
    </xsd:element>
    <xsd:element name="Record_x0020_Class_x0020_Code_x0020_Country" ma:index="11" nillable="true" ma:displayName="Record Class Code Country" ma:description="Record Class Code Country" ma:internalName="Record_x0020_Class_x0020_Code_x0020_Country" ma:readOnly="true">
      <xsd:simpleType>
        <xsd:restriction base="dms:Text"/>
      </xsd:simpleType>
    </xsd:element>
    <xsd:element name="Record_x0020_Class_x0020_Code_x0020_Local" ma:index="12" nillable="true" ma:displayName="Record Class Code Local" ma:description="Record Class Code Local" ma:internalName="Record_x0020_Class_x0020_Code_x0020_Local" ma:readOnly="true">
      <xsd:simpleType>
        <xsd:restriction base="dms:Text"/>
      </xsd:simpleType>
    </xsd:element>
    <xsd:element name="Record_x0020_Owner" ma:index="13" nillable="true" ma:displayName="Record Owner" ma:description="Record Owner" ma:list="UserInfo" ma:internalName="Record_x0020_Owner"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By" ma:index="14" nillable="true" ma:displayName="Record Finalized By" ma:description="Record Finalized By" ma:list="UserInfo" ma:internalName="Record_x0020_Finalized_x0020_By"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On" ma:index="15" nillable="true" ma:displayName="Record Finalized On" ma:description="Record Finalized On" ma:format="DateOnly" ma:internalName="Record_x0020_Finalized_x0020_On" ma:readOnly="true">
      <xsd:simpleType>
        <xsd:restriction base="dms:DateTime"/>
      </xsd:simpleType>
    </xsd:element>
    <xsd:element name="Record_x0020_Retention_x0020_Type" ma:index="16" nillable="true" ma:displayName="Record Retention Type" ma:description="Record Retention Type" ma:internalName="Record_x0020_Retention_x0020_Type" ma:readOnly="true">
      <xsd:simpleType>
        <xsd:restriction base="dms:Text"/>
      </xsd:simpleType>
    </xsd:element>
    <xsd:element name="Record_x0020_Retention_x0020_Start_x0020_Date" ma:index="17" nillable="true" ma:displayName="Record Retention Start Date" ma:description="Record Retention Start Date" ma:format="DateOnly" ma:internalName="Record_x0020_Retention_x0020_Start_x0020_Date" ma:readOnly="true">
      <xsd:simpleType>
        <xsd:restriction base="dms:DateTime"/>
      </xsd:simpleType>
    </xsd:element>
    <xsd:element name="Record_x0020_Retention_x0020_End_x0020_Date" ma:index="18" nillable="true" ma:displayName="Record Retention End Date" ma:description="Record Retention End Date" ma:format="DateOnly" ma:internalName="Record_x0020_Retention_x0020_End_x0020_Date" ma:readOnly="true">
      <xsd:simpleType>
        <xsd:restriction base="dms:DateTime"/>
      </xsd:simpleType>
    </xsd:element>
    <xsd:element name="Record_x0020_Legal_x0020_Hold" ma:index="19" nillable="true" ma:displayName="Record Legal Hold" ma:description="Record Legal Hold" ma:internalName="Record_x0020_Legal_x0020_Hold" ma:readOnly="true">
      <xsd:simpleType>
        <xsd:restriction base="dms:Boolea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xml><?xml version="1.0" encoding="utf-8"?>
<p:properties xmlns:p="http://schemas.microsoft.com/office/2006/metadata/properties" xmlns:xsi="http://www.w3.org/2001/XMLSchema-instance" xmlns:pc="http://schemas.microsoft.com/office/infopath/2007/PartnerControls">
  <documentManagement>
    <Record_x0020_Owner xmlns="e866b0dc-26f4-4c7c-849f-80ab9d82399c">
      <UserInfo>
        <DisplayName>Gomez, Anna X</DisplayName>
        <AccountId>43</AccountId>
        <AccountType/>
      </UserInfo>
    </Record_x0020_Owner>
    <Record_x0020_Class_x0020_Code xmlns="e866b0dc-26f4-4c7c-849f-80ab9d82399c">US: BIZ010Y</Record_x0020_Class_x0020_Code>
    <Record_x0020_Status xmlns="e866b0dc-26f4-4c7c-849f-80ab9d82399c">Work In Progress</Record_x0020_Status>
    <Record_x0020_ID xmlns="e866b0dc-26f4-4c7c-849f-80ab9d82399c">44650244</Record_x0020_ID>
    <Record_x0020_Retention_x0020_Start_x0020_Date xmlns="e866b0dc-26f4-4c7c-849f-80ab9d82399c">2020-07-02T04:00:00+00:00</Record_x0020_Retention_x0020_Start_x0020_Date>
    <Record_x0020_Class_x0020_Code_x0020_Local xmlns="e866b0dc-26f4-4c7c-849f-80ab9d82399c">BIZ010Y</Record_x0020_Class_x0020_Code_x0020_Local>
    <Record_x0020_Retention_x0020_End_x0020_Date xmlns="e866b0dc-26f4-4c7c-849f-80ab9d82399c">2030-07-02T04:00:00+00:00</Record_x0020_Retention_x0020_End_x0020_Date>
    <Record_x0020_Legal_x0020_Hold xmlns="e866b0dc-26f4-4c7c-849f-80ab9d82399c">false</Record_x0020_Legal_x0020_Hold>
    <Record_x0020_Class_x0020_Code_x0020_Country xmlns="e866b0dc-26f4-4c7c-849f-80ab9d82399c">United States</Record_x0020_Class_x0020_Code_x0020_Country>
    <Record_x0020_Retention_x0020_Type xmlns="e866b0dc-26f4-4c7c-849f-80ab9d82399c">Flat</Record_x0020_Retention_x0020_Type>
  </documentManagement>
</p:properties>
</file>

<file path=customXml/itemProps1.xml><?xml version="1.0" encoding="utf-8"?>
<ds:datastoreItem xmlns:ds="http://schemas.openxmlformats.org/officeDocument/2006/customXml" ds:itemID="{D0BDE747-EB1C-4698-8310-5558E5F3DED9}">
  <ds:schemaRefs>
    <ds:schemaRef ds:uri="http://schemas.microsoft.com/sharepoint/v3/contenttype/forms"/>
  </ds:schemaRefs>
</ds:datastoreItem>
</file>

<file path=customXml/itemProps2.xml><?xml version="1.0" encoding="utf-8"?>
<ds:datastoreItem xmlns:ds="http://schemas.openxmlformats.org/officeDocument/2006/customXml" ds:itemID="{641D54EE-FFCF-4E8E-A49F-9A109FD4F93E}">
  <ds:schemaRefs>
    <ds:schemaRef ds:uri="http://schemas.microsoft.com/sharepoint/events"/>
  </ds:schemaRefs>
</ds:datastoreItem>
</file>

<file path=customXml/itemProps3.xml><?xml version="1.0" encoding="utf-8"?>
<ds:datastoreItem xmlns:ds="http://schemas.openxmlformats.org/officeDocument/2006/customXml" ds:itemID="{4F79800E-F20E-41AD-BF28-098ABF08C4AE}">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866b0dc-26f4-4c7c-849f-80ab9d82399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4.xml><?xml version="1.0" encoding="utf-8"?>
<ds:datastoreItem xmlns:ds="http://schemas.openxmlformats.org/officeDocument/2006/customXml" ds:itemID="{0EB59859-3384-4557-AAAD-DF38C3A798FB}">
  <ds:schemaRefs>
    <ds:schemaRef ds:uri="http://purl.org/dc/dcmitype/"/>
    <ds:schemaRef ds:uri="http://purl.org/dc/elements/1.1/"/>
    <ds:schemaRef ds:uri="http://schemas.microsoft.com/office/2006/metadata/properties"/>
    <ds:schemaRef ds:uri="e866b0dc-26f4-4c7c-849f-80ab9d82399c"/>
    <ds:schemaRef ds:uri="http://schemas.microsoft.com/office/2006/documentManagement/types"/>
    <ds:schemaRef ds:uri="http://schemas.microsoft.com/office/infopath/2007/PartnerControls"/>
    <ds:schemaRef ds:uri="http://purl.org/dc/terms/"/>
    <ds:schemaRef ds:uri="http://schemas.openxmlformats.org/package/2006/metadata/core-properties"/>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otalTime>0</TotalTime>
  <Words>806</Words>
  <Application>Microsoft Office PowerPoint</Application>
  <PresentationFormat>Custom</PresentationFormat>
  <Paragraphs>101</Paragraphs>
  <Slides>12</Slides>
  <Notes>0</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12</vt:i4>
      </vt:variant>
    </vt:vector>
  </HeadingPairs>
  <TitlesOfParts>
    <vt:vector size="18" baseType="lpstr">
      <vt:lpstr>AmplitudeTF</vt:lpstr>
      <vt:lpstr>Arial</vt:lpstr>
      <vt:lpstr>Bookman Old Style</vt:lpstr>
      <vt:lpstr>Times New Roman</vt:lpstr>
      <vt:lpstr>Wingdings</vt:lpstr>
      <vt:lpstr>PP+ UnifiedGIB - Widescreen</vt:lpstr>
      <vt:lpstr>How to Compare Technology Platforms</vt:lpstr>
      <vt:lpstr>Legal Disclaimer</vt:lpstr>
      <vt:lpstr>Objective</vt:lpstr>
      <vt:lpstr>What is Requirements Gathering?</vt:lpstr>
      <vt:lpstr>Step 1: Review &amp; Understand Your Current In-Person Model</vt:lpstr>
      <vt:lpstr>Step 2: Key Questions to Review</vt:lpstr>
      <vt:lpstr>Step 2: Key General Questions</vt:lpstr>
      <vt:lpstr>Step 2: Key Product Questions</vt:lpstr>
      <vt:lpstr>Step 3: Finalize Requirements and Create an RFP/Q</vt:lpstr>
      <vt:lpstr>Step 4: Document Responses from Vendors</vt:lpstr>
      <vt:lpstr>Example Vendor &amp; Tool Comparison Matrix</vt:lpstr>
      <vt:lpstr>Questions?</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How to Compare Virtual Technology Platforms</dc:title>
  <dc:creator>Gomez, Anna X</dc:creator>
  <cp:lastModifiedBy>Gomez, Anna X</cp:lastModifiedBy>
  <cp:revision>16</cp:revision>
  <dcterms:created xsi:type="dcterms:W3CDTF">2020-07-02T03:22:11Z</dcterms:created>
  <dcterms:modified xsi:type="dcterms:W3CDTF">2020-08-31T21:35:3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B04218B855DC944F9A559450E98DF04000317D809B83BE644EAD5526593C665108</vt:lpwstr>
  </property>
</Properties>
</file>